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169\2023_03人口・社会統計課\02₋周期統計\05_経済センサス\02_経済センサス活動調査\08公表(確報)\03_神奈川県版作成\02_神奈川県の確報\07_起案\"/>
    </mc:Choice>
  </mc:AlternateContent>
  <bookViews>
    <workbookView xWindow="0" yWindow="0" windowWidth="23040" windowHeight="8496"/>
  </bookViews>
  <sheets>
    <sheet name="国確報集計資料 " sheetId="1" r:id="rId1"/>
  </sheets>
  <definedNames>
    <definedName name="_xlnm.Print_Titles" localSheetId="0">'国確報集計資料 '!$3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73" uniqueCount="234">
  <si>
    <t>b1_003</t>
    <phoneticPr fontId="1"/>
  </si>
  <si>
    <t>b1_004_2</t>
    <phoneticPr fontId="1"/>
  </si>
  <si>
    <t>b1_024</t>
    <phoneticPr fontId="1"/>
  </si>
  <si>
    <t>b1_003</t>
    <phoneticPr fontId="1"/>
  </si>
  <si>
    <t>b1_017_2_2</t>
    <phoneticPr fontId="1"/>
  </si>
  <si>
    <t>h1_004</t>
    <phoneticPr fontId="1"/>
  </si>
  <si>
    <t>h2_002</t>
    <phoneticPr fontId="1"/>
  </si>
  <si>
    <t>Y001</t>
    <phoneticPr fontId="1"/>
  </si>
  <si>
    <t>b1_017_1_2</t>
  </si>
  <si>
    <t>b3_002_2</t>
    <phoneticPr fontId="1"/>
  </si>
  <si>
    <t>b3_004_2</t>
  </si>
  <si>
    <t>b1_017_2_2</t>
    <phoneticPr fontId="1"/>
  </si>
  <si>
    <t>b1_024</t>
    <phoneticPr fontId="1"/>
  </si>
  <si>
    <t>h2_005</t>
    <phoneticPr fontId="1"/>
  </si>
  <si>
    <t>h2_007</t>
    <phoneticPr fontId="1"/>
  </si>
  <si>
    <t>企業等に関する集計
－産業横断的集計
－企業等数、従業者数</t>
    <phoneticPr fontId="1"/>
  </si>
  <si>
    <t>事業所に関する集計
－産業横断的集計
－事業所数、従業者数</t>
    <phoneticPr fontId="1"/>
  </si>
  <si>
    <t>h1_005_1</t>
    <phoneticPr fontId="1"/>
  </si>
  <si>
    <t>売上高
純付加価値額</t>
    <rPh sb="0" eb="2">
      <t>ウリアゲ</t>
    </rPh>
    <rPh sb="2" eb="3">
      <t>ダカ</t>
    </rPh>
    <rPh sb="4" eb="10">
      <t>ジュンフカカチガク</t>
    </rPh>
    <phoneticPr fontId="1"/>
  </si>
  <si>
    <t>企業等数</t>
    <rPh sb="0" eb="2">
      <t>キギョウ</t>
    </rPh>
    <rPh sb="2" eb="3">
      <t>トウ</t>
    </rPh>
    <rPh sb="3" eb="4">
      <t>スウ</t>
    </rPh>
    <phoneticPr fontId="1"/>
  </si>
  <si>
    <t>事業所数
従業者数</t>
    <rPh sb="0" eb="3">
      <t>ジギョウショ</t>
    </rPh>
    <rPh sb="3" eb="4">
      <t>スウ</t>
    </rPh>
    <rPh sb="5" eb="9">
      <t>ジュウギョウシャスウ</t>
    </rPh>
    <phoneticPr fontId="1"/>
  </si>
  <si>
    <t>企業等数</t>
    <rPh sb="0" eb="4">
      <t>キギョウトウスウ</t>
    </rPh>
    <phoneticPr fontId="1"/>
  </si>
  <si>
    <t>売上高</t>
    <rPh sb="0" eb="2">
      <t>ウリアゲ</t>
    </rPh>
    <rPh sb="2" eb="3">
      <t>ダカ</t>
    </rPh>
    <phoneticPr fontId="1"/>
  </si>
  <si>
    <t>売上高
１企業当たり売上高</t>
    <rPh sb="0" eb="3">
      <t>ウリアゲダカ</t>
    </rPh>
    <rPh sb="5" eb="8">
      <t>キギョウア</t>
    </rPh>
    <rPh sb="10" eb="13">
      <t>ウリアゲダカ</t>
    </rPh>
    <phoneticPr fontId="1"/>
  </si>
  <si>
    <t>売上高</t>
    <rPh sb="0" eb="3">
      <t>ウリアゲダカ</t>
    </rPh>
    <phoneticPr fontId="1"/>
  </si>
  <si>
    <t>企業等に関する集計
－産業横断的集計
－企業等数、従業者数</t>
    <phoneticPr fontId="3"/>
  </si>
  <si>
    <t>純付加価値額率
（純付加価値額÷売上高）</t>
    <rPh sb="0" eb="6">
      <t>ジュンフカカチガク</t>
    </rPh>
    <rPh sb="6" eb="7">
      <t>リツ</t>
    </rPh>
    <rPh sb="9" eb="15">
      <t>ジュンフカカチガク</t>
    </rPh>
    <rPh sb="16" eb="19">
      <t>ウリアゲダカ</t>
    </rPh>
    <phoneticPr fontId="1"/>
  </si>
  <si>
    <t>事業所数
従業者数</t>
    <rPh sb="0" eb="4">
      <t>ジギョウショスウ</t>
    </rPh>
    <rPh sb="5" eb="9">
      <t>ジュウギョウシャスウ</t>
    </rPh>
    <phoneticPr fontId="1"/>
  </si>
  <si>
    <t>男女別従業者数</t>
    <rPh sb="0" eb="2">
      <t>ダンジョ</t>
    </rPh>
    <rPh sb="2" eb="3">
      <t>ベツ</t>
    </rPh>
    <rPh sb="3" eb="7">
      <t>ジュウギョウシャスウ</t>
    </rPh>
    <phoneticPr fontId="1"/>
  </si>
  <si>
    <t>売上高
主業の売上高
主業以外の売上高</t>
    <rPh sb="0" eb="3">
      <t>ウリアゲダカ</t>
    </rPh>
    <rPh sb="4" eb="6">
      <t>シュギョウ</t>
    </rPh>
    <rPh sb="7" eb="10">
      <t>ウリアゲダカ</t>
    </rPh>
    <rPh sb="11" eb="13">
      <t>シュギョウ</t>
    </rPh>
    <rPh sb="13" eb="15">
      <t>イガイ</t>
    </rPh>
    <rPh sb="16" eb="19">
      <t>ウリアゲダカ</t>
    </rPh>
    <phoneticPr fontId="1"/>
  </si>
  <si>
    <t>企業等に関する集計
－産業横断的集計
－経理事項等</t>
    <phoneticPr fontId="3"/>
  </si>
  <si>
    <t>設備投資額
１企業当たり設備投資額</t>
    <rPh sb="0" eb="5">
      <t>セツビトウシガク</t>
    </rPh>
    <rPh sb="7" eb="10">
      <t>キギョウア</t>
    </rPh>
    <rPh sb="12" eb="17">
      <t>セツビトウシガク</t>
    </rPh>
    <phoneticPr fontId="3"/>
  </si>
  <si>
    <t>売上高
設備投資額
設備投資額売上高比率
（設備投資額÷売上高）</t>
    <rPh sb="0" eb="3">
      <t>ウリアゲダカ</t>
    </rPh>
    <rPh sb="4" eb="9">
      <t>セツビトウシガク</t>
    </rPh>
    <rPh sb="10" eb="15">
      <t>セツビトウシガク</t>
    </rPh>
    <rPh sb="15" eb="18">
      <t>ウリアゲダカ</t>
    </rPh>
    <rPh sb="18" eb="20">
      <t>ヒリツ</t>
    </rPh>
    <rPh sb="22" eb="27">
      <t>セツビトウシガク</t>
    </rPh>
    <rPh sb="28" eb="31">
      <t>ウリアゲダカ</t>
    </rPh>
    <phoneticPr fontId="3"/>
  </si>
  <si>
    <t xml:space="preserve">
設備投資額売上高比率
（設備投資額÷売上高）</t>
    <rPh sb="1" eb="6">
      <t>セツビトウシガク</t>
    </rPh>
    <rPh sb="6" eb="9">
      <t>ウリアゲダカ</t>
    </rPh>
    <rPh sb="9" eb="11">
      <t>ヒリツ</t>
    </rPh>
    <rPh sb="13" eb="18">
      <t>セツビトウシガク</t>
    </rPh>
    <rPh sb="19" eb="22">
      <t>ウリアゲダカ</t>
    </rPh>
    <phoneticPr fontId="3"/>
  </si>
  <si>
    <t>純付加価値額</t>
    <rPh sb="0" eb="6">
      <t>ジュンフカカチガク</t>
    </rPh>
    <phoneticPr fontId="3"/>
  </si>
  <si>
    <t>純付加価値額</t>
    <rPh sb="0" eb="6">
      <t>ジュンフカカチガク</t>
    </rPh>
    <phoneticPr fontId="1"/>
  </si>
  <si>
    <t>事業所に関する集計
－産業横断的集計
－売上（収入）金額等</t>
    <phoneticPr fontId="3"/>
  </si>
  <si>
    <t>従業上の地位別従業者数</t>
    <rPh sb="0" eb="2">
      <t>ジュウギョウ</t>
    </rPh>
    <rPh sb="2" eb="3">
      <t>ジョウ</t>
    </rPh>
    <rPh sb="4" eb="6">
      <t>チイ</t>
    </rPh>
    <rPh sb="6" eb="7">
      <t>ベツ</t>
    </rPh>
    <rPh sb="7" eb="11">
      <t>ジュウギョウシャスウ</t>
    </rPh>
    <phoneticPr fontId="3"/>
  </si>
  <si>
    <t>事業所に関する集計
－産業横断的集計
－事業所数、従業者数</t>
    <phoneticPr fontId="3"/>
  </si>
  <si>
    <t>無期雇用者
無期雇用者以外の雇用者</t>
    <rPh sb="0" eb="5">
      <t>ムキコヨウシャ</t>
    </rPh>
    <rPh sb="6" eb="11">
      <t>ムキコヨウシャ</t>
    </rPh>
    <rPh sb="11" eb="13">
      <t>イガイ</t>
    </rPh>
    <rPh sb="14" eb="17">
      <t>コヨウシャ</t>
    </rPh>
    <phoneticPr fontId="3"/>
  </si>
  <si>
    <t>開設時期別事業所数</t>
    <rPh sb="0" eb="9">
      <t>カイセツジキベツジギョウショスウ</t>
    </rPh>
    <phoneticPr fontId="3"/>
  </si>
  <si>
    <t>他からの出向・派遣従業者数</t>
    <rPh sb="0" eb="1">
      <t>ホカ</t>
    </rPh>
    <rPh sb="4" eb="6">
      <t>シュッコウ</t>
    </rPh>
    <rPh sb="7" eb="13">
      <t>ハケンジュウギョウシャスウ</t>
    </rPh>
    <phoneticPr fontId="3"/>
  </si>
  <si>
    <t>事業所数
従業者数</t>
    <rPh sb="0" eb="4">
      <t>ジギョウショスウ</t>
    </rPh>
    <rPh sb="5" eb="9">
      <t>ジュウギョウシャスウ</t>
    </rPh>
    <phoneticPr fontId="3"/>
  </si>
  <si>
    <t>主要統計表</t>
    <rPh sb="0" eb="2">
      <t>シュヨウ</t>
    </rPh>
    <rPh sb="2" eb="4">
      <t>トウケイ</t>
    </rPh>
    <rPh sb="4" eb="5">
      <t>ヒョウ</t>
    </rPh>
    <phoneticPr fontId="3"/>
  </si>
  <si>
    <t>会社企業数</t>
    <rPh sb="0" eb="5">
      <t>カイシャキギョウスウ</t>
    </rPh>
    <phoneticPr fontId="3"/>
  </si>
  <si>
    <t>h1_003_2</t>
    <phoneticPr fontId="3"/>
  </si>
  <si>
    <t>h2_008_4</t>
    <phoneticPr fontId="3"/>
  </si>
  <si>
    <t>h2_008_1</t>
    <phoneticPr fontId="3"/>
  </si>
  <si>
    <t>企業等に関する集計
－産業横断的集計
－企業等数、従業者数</t>
    <phoneticPr fontId="3"/>
  </si>
  <si>
    <t>売上階級別企業等数</t>
    <rPh sb="0" eb="5">
      <t>ウリアゲカイキュウベツ</t>
    </rPh>
    <rPh sb="5" eb="7">
      <t>キギョウ</t>
    </rPh>
    <rPh sb="7" eb="8">
      <t>トウ</t>
    </rPh>
    <rPh sb="8" eb="9">
      <t>スウ</t>
    </rPh>
    <phoneticPr fontId="1"/>
  </si>
  <si>
    <t>資本金階級別会社企業数</t>
    <rPh sb="0" eb="11">
      <t>シホンキンカイキュウベツカイシャキギョウスウ</t>
    </rPh>
    <phoneticPr fontId="3"/>
  </si>
  <si>
    <t>資本金階級別売上高
資本金階級別純付加価値額</t>
    <rPh sb="0" eb="3">
      <t>シホンキン</t>
    </rPh>
    <rPh sb="3" eb="5">
      <t>カイキュウ</t>
    </rPh>
    <rPh sb="5" eb="6">
      <t>ベツ</t>
    </rPh>
    <rPh sb="6" eb="9">
      <t>ウリアゲダカ</t>
    </rPh>
    <rPh sb="10" eb="16">
      <t>シホンキンカイキュウベツ</t>
    </rPh>
    <rPh sb="16" eb="22">
      <t>ジュンフカカチガク</t>
    </rPh>
    <phoneticPr fontId="3"/>
  </si>
  <si>
    <t>設備投資額</t>
    <rPh sb="0" eb="5">
      <t>セツビトウシガク</t>
    </rPh>
    <phoneticPr fontId="3"/>
  </si>
  <si>
    <t>１企業当たり設備投資額
（設備投資額÷企業数）</t>
    <rPh sb="1" eb="4">
      <t>キギョウア</t>
    </rPh>
    <rPh sb="6" eb="11">
      <t>セツビトウシガク</t>
    </rPh>
    <rPh sb="13" eb="18">
      <t>セツビトウシガク</t>
    </rPh>
    <rPh sb="19" eb="22">
      <t>キギョウスウ</t>
    </rPh>
    <phoneticPr fontId="3"/>
  </si>
  <si>
    <t>提供分類１
－提供分類２
－提供分類３</t>
    <rPh sb="0" eb="2">
      <t>テイキョウ</t>
    </rPh>
    <rPh sb="2" eb="4">
      <t>ブンルイ</t>
    </rPh>
    <rPh sb="7" eb="9">
      <t>テイキョウ</t>
    </rPh>
    <rPh sb="9" eb="11">
      <t>ブンルイ</t>
    </rPh>
    <rPh sb="14" eb="16">
      <t>テイキョウ</t>
    </rPh>
    <rPh sb="16" eb="18">
      <t>ブンルイ</t>
    </rPh>
    <phoneticPr fontId="1"/>
  </si>
  <si>
    <t>表番号　統計表</t>
    <rPh sb="0" eb="1">
      <t>ヒョウ</t>
    </rPh>
    <rPh sb="1" eb="3">
      <t>バンゴウ</t>
    </rPh>
    <rPh sb="4" eb="7">
      <t>トウケイヒョウ</t>
    </rPh>
    <phoneticPr fontId="3"/>
  </si>
  <si>
    <t>売上高
純付加価値額
純付加価値額率
（純付加価値額÷売上高）</t>
    <rPh sb="0" eb="3">
      <t>ウリアゲダカ</t>
    </rPh>
    <rPh sb="4" eb="10">
      <t>ジュンフカカチガク</t>
    </rPh>
    <phoneticPr fontId="1"/>
  </si>
  <si>
    <t>売上高
主業の売上高
主業以外の売上高
（売上高－主業の売上高）</t>
    <rPh sb="0" eb="3">
      <t>ウリアゲダカ</t>
    </rPh>
    <rPh sb="4" eb="6">
      <t>シュギョウ</t>
    </rPh>
    <rPh sb="7" eb="10">
      <t>ウリアゲダカ</t>
    </rPh>
    <rPh sb="11" eb="13">
      <t>シュギョウ</t>
    </rPh>
    <rPh sb="13" eb="15">
      <t>イガイ</t>
    </rPh>
    <rPh sb="16" eb="19">
      <t>ウリアゲダカ</t>
    </rPh>
    <rPh sb="21" eb="24">
      <t>ウリアゲダカ</t>
    </rPh>
    <rPh sb="25" eb="27">
      <t>シュギョウ</t>
    </rPh>
    <rPh sb="28" eb="31">
      <t>ウリアゲダカ</t>
    </rPh>
    <phoneticPr fontId="1"/>
  </si>
  <si>
    <t>設備投資額
（有形固定資産
＋無形固定資産）</t>
    <rPh sb="0" eb="5">
      <t>セツビトウシガク</t>
    </rPh>
    <phoneticPr fontId="3"/>
  </si>
  <si>
    <t>事業所数
従業者数
１事業所当たり従業者数</t>
    <rPh sb="0" eb="4">
      <t>ジギョウショスウ</t>
    </rPh>
    <rPh sb="5" eb="9">
      <t>ジュウギョウシャスウ</t>
    </rPh>
    <rPh sb="11" eb="14">
      <t>ジギョウショ</t>
    </rPh>
    <rPh sb="14" eb="15">
      <t>ア</t>
    </rPh>
    <rPh sb="17" eb="21">
      <t>ジュウギョウシャスウ</t>
    </rPh>
    <phoneticPr fontId="1"/>
  </si>
  <si>
    <t>売上高
事業活動別売上高
主業の売上高
主業以外の売上高</t>
    <rPh sb="0" eb="3">
      <t>ウリアゲダカ</t>
    </rPh>
    <rPh sb="4" eb="6">
      <t>ジギョウ</t>
    </rPh>
    <rPh sb="6" eb="8">
      <t>カツドウ</t>
    </rPh>
    <rPh sb="8" eb="9">
      <t>ベツ</t>
    </rPh>
    <rPh sb="9" eb="12">
      <t>ウリアゲダカ</t>
    </rPh>
    <rPh sb="13" eb="15">
      <t>シュギョウ</t>
    </rPh>
    <rPh sb="16" eb="19">
      <t>ウリアゲダカ</t>
    </rPh>
    <rPh sb="20" eb="22">
      <t>シュギョウ</t>
    </rPh>
    <rPh sb="22" eb="24">
      <t>イガイ</t>
    </rPh>
    <rPh sb="25" eb="28">
      <t>ウリアゲダカ</t>
    </rPh>
    <phoneticPr fontId="1"/>
  </si>
  <si>
    <t>売上高
事業活動別売上高</t>
    <rPh sb="0" eb="3">
      <t>ウリアゲダカ</t>
    </rPh>
    <rPh sb="4" eb="12">
      <t>ジギョウカツドウベツウリアゲダカ</t>
    </rPh>
    <phoneticPr fontId="1"/>
  </si>
  <si>
    <t>主業の売上高
主業以外の売上高</t>
    <rPh sb="0" eb="2">
      <t>シュギョウ</t>
    </rPh>
    <rPh sb="3" eb="6">
      <t>ウリアゲダカ</t>
    </rPh>
    <rPh sb="7" eb="9">
      <t>シュギョウ</t>
    </rPh>
    <rPh sb="9" eb="11">
      <t>イガイ</t>
    </rPh>
    <rPh sb="12" eb="15">
      <t>ウリアゲダカ</t>
    </rPh>
    <phoneticPr fontId="1"/>
  </si>
  <si>
    <t>「e-Stat」掲載の対応する国の統計表名</t>
    <rPh sb="8" eb="10">
      <t>ケイサイ</t>
    </rPh>
    <rPh sb="11" eb="13">
      <t>タイオウ</t>
    </rPh>
    <rPh sb="15" eb="16">
      <t>クニ</t>
    </rPh>
    <rPh sb="17" eb="20">
      <t>トウケイヒョウ</t>
    </rPh>
    <rPh sb="20" eb="21">
      <t>メイ</t>
    </rPh>
    <phoneticPr fontId="1"/>
  </si>
  <si>
    <t>Ⅰ　概況</t>
    <rPh sb="2" eb="4">
      <t>ガイキョウ</t>
    </rPh>
    <phoneticPr fontId="1"/>
  </si>
  <si>
    <t>表Ⅰー１</t>
    <rPh sb="0" eb="1">
      <t>ヒョウ</t>
    </rPh>
    <phoneticPr fontId="1"/>
  </si>
  <si>
    <t>表Ⅰ－１</t>
    <rPh sb="0" eb="1">
      <t>ヒョウ</t>
    </rPh>
    <phoneticPr fontId="1"/>
  </si>
  <si>
    <t>企業等に関する集計
－産業横断的集計
－経理事項等</t>
    <phoneticPr fontId="1"/>
  </si>
  <si>
    <t>第２表　企業産業(中分類)、単一・複数(2区分)別企業等数、事業所数、従業者数、売上（収入）金額、費用総額、主な費用項目、粗付加価値額、純付加価値額、設備投資額、１企業当たり売上（収入）金額、１企業当たり粗付加価値額及び純付加価値額－全国、都道府県</t>
    <phoneticPr fontId="3"/>
  </si>
  <si>
    <t>表Ⅰー２</t>
    <rPh sb="0" eb="1">
      <t>ヒョウ</t>
    </rPh>
    <phoneticPr fontId="1"/>
  </si>
  <si>
    <t>表Ⅰ－２</t>
    <rPh sb="0" eb="1">
      <t>ヒョウ</t>
    </rPh>
    <phoneticPr fontId="1"/>
  </si>
  <si>
    <t>１．企業等数、売上高及び純付加価値額</t>
    <phoneticPr fontId="1"/>
  </si>
  <si>
    <t>図Ⅱ－１</t>
    <rPh sb="0" eb="1">
      <t>ズ</t>
    </rPh>
    <phoneticPr fontId="1"/>
  </si>
  <si>
    <t>表Ⅱ－１</t>
    <rPh sb="0" eb="2">
      <t>ヒョウニ</t>
    </rPh>
    <phoneticPr fontId="1"/>
  </si>
  <si>
    <t>表Ⅱ－１</t>
    <rPh sb="0" eb="1">
      <t>ヒョウ</t>
    </rPh>
    <phoneticPr fontId="1"/>
  </si>
  <si>
    <t>表Ⅱ－２</t>
    <rPh sb="0" eb="2">
      <t>ヒョウニ</t>
    </rPh>
    <phoneticPr fontId="1"/>
  </si>
  <si>
    <t>表Ⅱ－２</t>
    <rPh sb="0" eb="1">
      <t>ヒョウ</t>
    </rPh>
    <phoneticPr fontId="1"/>
  </si>
  <si>
    <t>表Ⅱ－３</t>
    <rPh sb="0" eb="1">
      <t>ヒョウ</t>
    </rPh>
    <phoneticPr fontId="1"/>
  </si>
  <si>
    <t>図Ⅱ－２</t>
    <rPh sb="0" eb="2">
      <t>ズニ</t>
    </rPh>
    <phoneticPr fontId="1"/>
  </si>
  <si>
    <t>表Ⅱ－４</t>
    <rPh sb="0" eb="1">
      <t>ヒョウ</t>
    </rPh>
    <phoneticPr fontId="1"/>
  </si>
  <si>
    <t>図Ⅱ－３</t>
    <rPh sb="0" eb="1">
      <t>ズ</t>
    </rPh>
    <phoneticPr fontId="1"/>
  </si>
  <si>
    <t>表Ⅱ－３</t>
    <rPh sb="0" eb="2">
      <t>ヒョウニ</t>
    </rPh>
    <phoneticPr fontId="1"/>
  </si>
  <si>
    <t>表Ⅱ－５</t>
    <rPh sb="0" eb="1">
      <t>ヒョウ</t>
    </rPh>
    <phoneticPr fontId="1"/>
  </si>
  <si>
    <t>表Ⅱ－４</t>
    <rPh sb="0" eb="2">
      <t>ヒョウニ</t>
    </rPh>
    <phoneticPr fontId="1"/>
  </si>
  <si>
    <t>表Ⅱ－６</t>
    <rPh sb="0" eb="1">
      <t>ヒョウ</t>
    </rPh>
    <phoneticPr fontId="1"/>
  </si>
  <si>
    <t>図Ⅱ－２</t>
    <rPh sb="0" eb="1">
      <t>ズ</t>
    </rPh>
    <phoneticPr fontId="1"/>
  </si>
  <si>
    <t>図Ⅱ－４</t>
    <rPh sb="0" eb="1">
      <t>ズ</t>
    </rPh>
    <phoneticPr fontId="1"/>
  </si>
  <si>
    <t>図Ⅱ－５</t>
    <rPh sb="0" eb="1">
      <t>ズ</t>
    </rPh>
    <phoneticPr fontId="1"/>
  </si>
  <si>
    <t>２．純付加価値率</t>
  </si>
  <si>
    <t>表Ⅱ－５</t>
    <rPh sb="0" eb="2">
      <t>ヒョウニ</t>
    </rPh>
    <phoneticPr fontId="1"/>
  </si>
  <si>
    <t>表Ⅱ－７</t>
    <phoneticPr fontId="1"/>
  </si>
  <si>
    <t>図Ⅱ－６</t>
    <rPh sb="0" eb="1">
      <t>ズ</t>
    </rPh>
    <phoneticPr fontId="1"/>
  </si>
  <si>
    <t>３．事業活動別売上高</t>
  </si>
  <si>
    <t>表Ⅱ－６</t>
    <rPh sb="0" eb="2">
      <t>ヒョウニ</t>
    </rPh>
    <phoneticPr fontId="1"/>
  </si>
  <si>
    <t>表Ⅱ－８</t>
    <rPh sb="0" eb="1">
      <t>ヒョウ</t>
    </rPh>
    <phoneticPr fontId="1"/>
  </si>
  <si>
    <t>図Ⅱ－７</t>
    <rPh sb="0" eb="1">
      <t>ズ</t>
    </rPh>
    <phoneticPr fontId="1"/>
  </si>
  <si>
    <t>表Ⅱ－７</t>
    <rPh sb="0" eb="2">
      <t>ヒョウニ</t>
    </rPh>
    <phoneticPr fontId="1"/>
  </si>
  <si>
    <t>表Ⅱ－９</t>
    <rPh sb="0" eb="1">
      <t>ヒョウ</t>
    </rPh>
    <phoneticPr fontId="1"/>
  </si>
  <si>
    <t>図Ⅱ－８</t>
    <rPh sb="0" eb="1">
      <t>ズ</t>
    </rPh>
    <phoneticPr fontId="1"/>
  </si>
  <si>
    <t>図Ⅱ－９</t>
    <rPh sb="0" eb="1">
      <t>ズ</t>
    </rPh>
    <phoneticPr fontId="1"/>
  </si>
  <si>
    <t>４．設備投資額</t>
  </si>
  <si>
    <t>表Ⅱ－８</t>
    <rPh sb="0" eb="2">
      <t>ヒョウニ</t>
    </rPh>
    <phoneticPr fontId="1"/>
  </si>
  <si>
    <t>表Ⅱ－10</t>
    <rPh sb="0" eb="1">
      <t>ヒョウ</t>
    </rPh>
    <phoneticPr fontId="1"/>
  </si>
  <si>
    <t>図Ⅱ－10</t>
    <rPh sb="0" eb="1">
      <t>ズ</t>
    </rPh>
    <phoneticPr fontId="1"/>
  </si>
  <si>
    <t>表Ⅱ－９</t>
    <rPh sb="0" eb="2">
      <t>ヒョウニ</t>
    </rPh>
    <phoneticPr fontId="1"/>
  </si>
  <si>
    <t>表Ⅱ－11</t>
    <rPh sb="0" eb="1">
      <t>ヒョウ</t>
    </rPh>
    <phoneticPr fontId="1"/>
  </si>
  <si>
    <t>表Ⅱ－10</t>
    <rPh sb="0" eb="2">
      <t>ヒョウニ</t>
    </rPh>
    <phoneticPr fontId="1"/>
  </si>
  <si>
    <t>表Ⅱ－12</t>
    <rPh sb="0" eb="1">
      <t>ヒョウ</t>
    </rPh>
    <phoneticPr fontId="1"/>
  </si>
  <si>
    <t>表Ⅱ－11</t>
    <rPh sb="0" eb="2">
      <t>ヒョウニ</t>
    </rPh>
    <phoneticPr fontId="1"/>
  </si>
  <si>
    <t>表Ⅱ－13</t>
    <rPh sb="0" eb="1">
      <t>ヒョウ</t>
    </rPh>
    <phoneticPr fontId="1"/>
  </si>
  <si>
    <t>図Ⅱ－11</t>
    <rPh sb="0" eb="1">
      <t>ズ</t>
    </rPh>
    <phoneticPr fontId="1"/>
  </si>
  <si>
    <t>表Ⅱ－14</t>
    <rPh sb="0" eb="1">
      <t>ヒョウ</t>
    </rPh>
    <phoneticPr fontId="1"/>
  </si>
  <si>
    <t>図Ⅱ－12</t>
    <rPh sb="0" eb="1">
      <t>ズ</t>
    </rPh>
    <phoneticPr fontId="1"/>
  </si>
  <si>
    <t>表Ⅱ－15</t>
    <rPh sb="0" eb="1">
      <t>ヒョウ</t>
    </rPh>
    <phoneticPr fontId="1"/>
  </si>
  <si>
    <t>表Ⅱー12</t>
    <rPh sb="0" eb="2">
      <t>ヒョウニ</t>
    </rPh>
    <phoneticPr fontId="1"/>
  </si>
  <si>
    <t>Ⅲ　事業所数及び従業者数の状況</t>
    <rPh sb="2" eb="7">
      <t>ジギョウショスウオヨ</t>
    </rPh>
    <rPh sb="8" eb="12">
      <t>ジュウギョウシャスウ</t>
    </rPh>
    <rPh sb="13" eb="15">
      <t>ジョウキョウ</t>
    </rPh>
    <phoneticPr fontId="1"/>
  </si>
  <si>
    <t>１．産業大分類別事業所数及び従業者数</t>
  </si>
  <si>
    <t>表Ⅲ－１</t>
    <rPh sb="0" eb="1">
      <t>ヒョウ</t>
    </rPh>
    <phoneticPr fontId="1"/>
  </si>
  <si>
    <t>図Ⅲ－１</t>
    <rPh sb="0" eb="1">
      <t>ズ</t>
    </rPh>
    <phoneticPr fontId="1"/>
  </si>
  <si>
    <t>表Ⅲ－２</t>
    <rPh sb="0" eb="1">
      <t>ヒョウ</t>
    </rPh>
    <phoneticPr fontId="1"/>
  </si>
  <si>
    <t>図Ⅲ－２</t>
    <rPh sb="0" eb="1">
      <t>ズ</t>
    </rPh>
    <phoneticPr fontId="1"/>
  </si>
  <si>
    <t>２．従業上の地位別従業者数</t>
  </si>
  <si>
    <t>表Ⅲ－３</t>
    <rPh sb="0" eb="1">
      <t>ヒョウ</t>
    </rPh>
    <phoneticPr fontId="1"/>
  </si>
  <si>
    <t>表Ⅲ－４</t>
    <rPh sb="0" eb="1">
      <t>ヒョウ</t>
    </rPh>
    <phoneticPr fontId="1"/>
  </si>
  <si>
    <t>図Ⅲ－３</t>
    <rPh sb="0" eb="1">
      <t>ズ</t>
    </rPh>
    <phoneticPr fontId="1"/>
  </si>
  <si>
    <t>３．従業者規模別事業所数及び従業者数</t>
  </si>
  <si>
    <t>表Ⅲ－５</t>
    <rPh sb="0" eb="1">
      <t>ヒョウ</t>
    </rPh>
    <phoneticPr fontId="1"/>
  </si>
  <si>
    <t>４．開設時期別事業所数</t>
  </si>
  <si>
    <t>表Ⅲ－６</t>
    <rPh sb="0" eb="1">
      <t>ヒョウ</t>
    </rPh>
    <phoneticPr fontId="1"/>
  </si>
  <si>
    <t>図Ⅲ－４</t>
    <rPh sb="0" eb="1">
      <t>ズ</t>
    </rPh>
    <phoneticPr fontId="1"/>
  </si>
  <si>
    <t>図Ⅲ－５</t>
    <rPh sb="0" eb="1">
      <t>ズ</t>
    </rPh>
    <phoneticPr fontId="1"/>
  </si>
  <si>
    <t>表Ⅲ－７</t>
    <rPh sb="0" eb="1">
      <t>ヒョウ</t>
    </rPh>
    <phoneticPr fontId="1"/>
  </si>
  <si>
    <t>５．他からの出向・派遣従業者の有無別事業所数及び他からの出向・派遣従業者数</t>
  </si>
  <si>
    <t>表Ⅲ－８</t>
    <rPh sb="0" eb="2">
      <t>ヒョウサン</t>
    </rPh>
    <phoneticPr fontId="1"/>
  </si>
  <si>
    <t>図Ⅲ－６</t>
    <rPh sb="0" eb="1">
      <t>ズ</t>
    </rPh>
    <phoneticPr fontId="1"/>
  </si>
  <si>
    <t>表Ⅲ－９</t>
    <rPh sb="0" eb="2">
      <t>ヒョウサン</t>
    </rPh>
    <phoneticPr fontId="1"/>
  </si>
  <si>
    <t>図Ⅲ－７</t>
    <rPh sb="0" eb="2">
      <t>ズサン</t>
    </rPh>
    <phoneticPr fontId="1"/>
  </si>
  <si>
    <t>６．市区町村別の状況</t>
  </si>
  <si>
    <t>表Ⅲ－10</t>
    <rPh sb="0" eb="2">
      <t>ヒョウサン</t>
    </rPh>
    <phoneticPr fontId="1"/>
  </si>
  <si>
    <t>付表</t>
    <rPh sb="0" eb="2">
      <t>フヒョウ</t>
    </rPh>
    <phoneticPr fontId="1"/>
  </si>
  <si>
    <t>付表１</t>
    <rPh sb="0" eb="1">
      <t>ツキ</t>
    </rPh>
    <rPh sb="1" eb="2">
      <t>ヒョウ</t>
    </rPh>
    <phoneticPr fontId="1"/>
  </si>
  <si>
    <t>産業大分類、事業活動別売上高（企業等に関する集計）</t>
    <rPh sb="0" eb="2">
      <t>サンギョウ</t>
    </rPh>
    <rPh sb="2" eb="5">
      <t>ダイブンルイ</t>
    </rPh>
    <rPh sb="6" eb="8">
      <t>ジギョウ</t>
    </rPh>
    <rPh sb="8" eb="10">
      <t>カツドウ</t>
    </rPh>
    <rPh sb="10" eb="11">
      <t>ベツ</t>
    </rPh>
    <rPh sb="11" eb="13">
      <t>ウリアゲ</t>
    </rPh>
    <rPh sb="13" eb="14">
      <t>ダカ</t>
    </rPh>
    <rPh sb="15" eb="17">
      <t>キギョウ</t>
    </rPh>
    <rPh sb="17" eb="18">
      <t>トウ</t>
    </rPh>
    <rPh sb="19" eb="20">
      <t>カン</t>
    </rPh>
    <rPh sb="22" eb="24">
      <t>シュウケイ</t>
    </rPh>
    <phoneticPr fontId="1"/>
  </si>
  <si>
    <t>付表２</t>
    <rPh sb="0" eb="1">
      <t>ツキ</t>
    </rPh>
    <rPh sb="1" eb="2">
      <t>ヒョウ</t>
    </rPh>
    <phoneticPr fontId="1"/>
  </si>
  <si>
    <t>付表３</t>
    <rPh sb="0" eb="2">
      <t>ツキヒョウ</t>
    </rPh>
    <phoneticPr fontId="1"/>
  </si>
  <si>
    <t>産業大分類、都道府県別純付加価値額（事業所に関する集計）</t>
    <rPh sb="0" eb="5">
      <t>サンギョウダイブンルイ</t>
    </rPh>
    <rPh sb="6" eb="10">
      <t>トドウフケン</t>
    </rPh>
    <rPh sb="10" eb="11">
      <t>ベツ</t>
    </rPh>
    <rPh sb="11" eb="12">
      <t>ジュン</t>
    </rPh>
    <rPh sb="12" eb="17">
      <t>フカカチガク</t>
    </rPh>
    <rPh sb="18" eb="21">
      <t>ジギョウショ</t>
    </rPh>
    <rPh sb="22" eb="23">
      <t>カン</t>
    </rPh>
    <rPh sb="25" eb="27">
      <t>シュウケイ</t>
    </rPh>
    <phoneticPr fontId="1"/>
  </si>
  <si>
    <t>産業大分類、市区町村別純付加価値額（事業所に関する集計）</t>
    <rPh sb="0" eb="5">
      <t>サンギョウダイブンルイ</t>
    </rPh>
    <rPh sb="6" eb="8">
      <t>シク</t>
    </rPh>
    <rPh sb="8" eb="10">
      <t>チョウソン</t>
    </rPh>
    <rPh sb="10" eb="11">
      <t>ベツ</t>
    </rPh>
    <rPh sb="11" eb="12">
      <t>ジュン</t>
    </rPh>
    <rPh sb="12" eb="17">
      <t>フカカチガク</t>
    </rPh>
    <rPh sb="18" eb="21">
      <t>ジギョウショ</t>
    </rPh>
    <rPh sb="22" eb="23">
      <t>カン</t>
    </rPh>
    <rPh sb="25" eb="27">
      <t>シュウケイ</t>
    </rPh>
    <phoneticPr fontId="1"/>
  </si>
  <si>
    <t>付表４</t>
    <rPh sb="0" eb="2">
      <t>ツキヒョウ</t>
    </rPh>
    <phoneticPr fontId="1"/>
  </si>
  <si>
    <t>都道府県別事業所数及び従業者数（事業所に関する集計）</t>
    <rPh sb="0" eb="5">
      <t>トドウフケンベツ</t>
    </rPh>
    <rPh sb="5" eb="8">
      <t>ジギョウショ</t>
    </rPh>
    <rPh sb="8" eb="9">
      <t>スウ</t>
    </rPh>
    <rPh sb="9" eb="10">
      <t>オヨ</t>
    </rPh>
    <rPh sb="11" eb="15">
      <t>ジュウギョウシャスウ</t>
    </rPh>
    <rPh sb="16" eb="19">
      <t>ジギョウショ</t>
    </rPh>
    <rPh sb="20" eb="21">
      <t>カン</t>
    </rPh>
    <rPh sb="23" eb="25">
      <t>シュウケイ</t>
    </rPh>
    <phoneticPr fontId="1"/>
  </si>
  <si>
    <t>市区町村別事業所数及び従業者数（事業所に関する集計）</t>
    <rPh sb="0" eb="4">
      <t>シクチョウソン</t>
    </rPh>
    <rPh sb="4" eb="5">
      <t>ベツ</t>
    </rPh>
    <rPh sb="5" eb="8">
      <t>ジギョウショ</t>
    </rPh>
    <rPh sb="8" eb="9">
      <t>スウ</t>
    </rPh>
    <rPh sb="9" eb="10">
      <t>オヨ</t>
    </rPh>
    <rPh sb="11" eb="12">
      <t>ジュウ</t>
    </rPh>
    <rPh sb="12" eb="15">
      <t>ギョウシャスウ</t>
    </rPh>
    <phoneticPr fontId="1"/>
  </si>
  <si>
    <t>主業比率
（主業の売上高÷売上高）
（主業以外の売上高÷売上高）</t>
    <rPh sb="0" eb="4">
      <t>シュギョウヒリツ</t>
    </rPh>
    <rPh sb="6" eb="8">
      <t>シュギョウ</t>
    </rPh>
    <rPh sb="9" eb="12">
      <t>ウリアゲダカ</t>
    </rPh>
    <rPh sb="13" eb="16">
      <t>ウリアゲダカ</t>
    </rPh>
    <rPh sb="19" eb="21">
      <t>シュギョウ</t>
    </rPh>
    <rPh sb="21" eb="23">
      <t>イガイ</t>
    </rPh>
    <rPh sb="24" eb="27">
      <t>ウリアゲダカ</t>
    </rPh>
    <rPh sb="27" eb="31">
      <t>ワルウリアゲダカ</t>
    </rPh>
    <phoneticPr fontId="1"/>
  </si>
  <si>
    <t>売上高
主業の売上高
主業以外の売上高
主業比率
（主業の売上高÷売上高）
（主業以外の売上高÷売上高）</t>
    <rPh sb="0" eb="3">
      <t>ウリアゲダカ</t>
    </rPh>
    <rPh sb="4" eb="6">
      <t>シュギョウ</t>
    </rPh>
    <rPh sb="7" eb="10">
      <t>ウリアゲダカ</t>
    </rPh>
    <rPh sb="11" eb="13">
      <t>シュギョウ</t>
    </rPh>
    <rPh sb="13" eb="15">
      <t>イガイ</t>
    </rPh>
    <rPh sb="16" eb="19">
      <t>ウリアゲダカ</t>
    </rPh>
    <phoneticPr fontId="1"/>
  </si>
  <si>
    <t>項目</t>
    <rPh sb="0" eb="2">
      <t>コウモク</t>
    </rPh>
    <phoneticPr fontId="3"/>
  </si>
  <si>
    <t>本資料の
図表番号</t>
    <rPh sb="0" eb="1">
      <t>ホン</t>
    </rPh>
    <rPh sb="1" eb="3">
      <t>シリョウ</t>
    </rPh>
    <rPh sb="5" eb="6">
      <t>ズ</t>
    </rPh>
    <rPh sb="6" eb="7">
      <t>ヒョウ</t>
    </rPh>
    <rPh sb="7" eb="9">
      <t>バンゴウ</t>
    </rPh>
    <phoneticPr fontId="1"/>
  </si>
  <si>
    <t>国確報集計資料の図表番号</t>
    <rPh sb="0" eb="1">
      <t>クニ</t>
    </rPh>
    <rPh sb="1" eb="3">
      <t>カクホウ</t>
    </rPh>
    <rPh sb="3" eb="5">
      <t>シュウケイ</t>
    </rPh>
    <rPh sb="5" eb="7">
      <t>シリョウ</t>
    </rPh>
    <rPh sb="8" eb="9">
      <t>ズ</t>
    </rPh>
    <rPh sb="9" eb="10">
      <t>ヒョウ</t>
    </rPh>
    <rPh sb="10" eb="12">
      <t>バンゴウ</t>
    </rPh>
    <phoneticPr fontId="1"/>
  </si>
  <si>
    <t>e-Stat
掲載
ファイル名</t>
    <rPh sb="7" eb="9">
      <t>ケイサイ</t>
    </rPh>
    <rPh sb="14" eb="15">
      <t>メイ</t>
    </rPh>
    <phoneticPr fontId="3"/>
  </si>
  <si>
    <t>資本金階級別
会社企業数</t>
    <rPh sb="0" eb="3">
      <t>シホンキン</t>
    </rPh>
    <rPh sb="3" eb="5">
      <t>カイキュウ</t>
    </rPh>
    <rPh sb="5" eb="6">
      <t>ベツ</t>
    </rPh>
    <rPh sb="7" eb="12">
      <t>カイシャキギョウスウ</t>
    </rPh>
    <phoneticPr fontId="3"/>
  </si>
  <si>
    <t>事業所数
他からの出向・派遣従業者の
有無別事業所数</t>
    <rPh sb="0" eb="4">
      <t>ジギョウショスウ</t>
    </rPh>
    <phoneticPr fontId="3"/>
  </si>
  <si>
    <t>他からの出向・派遣従業者の
有無別事業所数</t>
    <phoneticPr fontId="3"/>
  </si>
  <si>
    <t>Ⅱ　企業等数、売上高及び純付加価値額等の状況</t>
    <rPh sb="2" eb="4">
      <t>キギョウ</t>
    </rPh>
    <rPh sb="4" eb="5">
      <t>トウ</t>
    </rPh>
    <rPh sb="5" eb="6">
      <t>スウ</t>
    </rPh>
    <rPh sb="7" eb="11">
      <t>ウリアゲタカオヨ</t>
    </rPh>
    <rPh sb="12" eb="13">
      <t>ジュン</t>
    </rPh>
    <rPh sb="13" eb="15">
      <t>フカ</t>
    </rPh>
    <rPh sb="15" eb="17">
      <t>カチ</t>
    </rPh>
    <rPh sb="17" eb="18">
      <t>ガク</t>
    </rPh>
    <rPh sb="18" eb="19">
      <t>トウ</t>
    </rPh>
    <rPh sb="20" eb="22">
      <t>ジョウキョウ</t>
    </rPh>
    <phoneticPr fontId="1"/>
  </si>
  <si>
    <t>産業大分類別主業以外の売上高（企業等に関する集計）</t>
    <rPh sb="0" eb="2">
      <t>サンギョウ</t>
    </rPh>
    <rPh sb="2" eb="5">
      <t>ダイブンルイ</t>
    </rPh>
    <rPh sb="5" eb="6">
      <t>ベツ</t>
    </rPh>
    <rPh sb="6" eb="8">
      <t>シュギョウ</t>
    </rPh>
    <rPh sb="8" eb="10">
      <t>イガイ</t>
    </rPh>
    <rPh sb="11" eb="13">
      <t>ウリアゲ</t>
    </rPh>
    <rPh sb="13" eb="14">
      <t>ダカ</t>
    </rPh>
    <rPh sb="15" eb="17">
      <t>キギョウ</t>
    </rPh>
    <rPh sb="17" eb="18">
      <t>トウ</t>
    </rPh>
    <rPh sb="19" eb="20">
      <t>カン</t>
    </rPh>
    <rPh sb="22" eb="24">
      <t>シュウケイ</t>
    </rPh>
    <phoneticPr fontId="1"/>
  </si>
  <si>
    <t>第１表　経営組織(2区分)別全事業所数及び従業者数
―全国，都道府県，市区町村</t>
    <phoneticPr fontId="3"/>
  </si>
  <si>
    <t>第５表　企業産業(大分類)、事業活動別法人数及び売上（収入）金額
－全国、都道府県</t>
    <phoneticPr fontId="3"/>
  </si>
  <si>
    <t>第１７－１表　産業(小分類)、経営組織(7区分)、従業者規模(8区分)、
出向・派遣従業者の有無別民営事業所数
－全国、都道府県、大都市：全国、茨城県～神奈川県</t>
    <phoneticPr fontId="3"/>
  </si>
  <si>
    <t>事業従事者数＝（従事者数－
うち他への出向・派遣従業者数）
＋他からの出向・派遣従業者数</t>
    <rPh sb="0" eb="2">
      <t>ジギョウ</t>
    </rPh>
    <rPh sb="2" eb="5">
      <t>ジュウジシャ</t>
    </rPh>
    <rPh sb="5" eb="6">
      <t>スウ</t>
    </rPh>
    <rPh sb="8" eb="11">
      <t>ジュウジシャ</t>
    </rPh>
    <rPh sb="11" eb="12">
      <t>スウ</t>
    </rPh>
    <rPh sb="16" eb="17">
      <t>ホカ</t>
    </rPh>
    <rPh sb="19" eb="21">
      <t>シュッコウ</t>
    </rPh>
    <rPh sb="22" eb="27">
      <t>ハケンジュウギョウシャ</t>
    </rPh>
    <rPh sb="27" eb="28">
      <t>スウ</t>
    </rPh>
    <rPh sb="31" eb="32">
      <t>ホカ</t>
    </rPh>
    <rPh sb="35" eb="37">
      <t>シュッコウ</t>
    </rPh>
    <rPh sb="38" eb="43">
      <t>ハケンジュウギョウシャ</t>
    </rPh>
    <rPh sb="43" eb="44">
      <t>スウ</t>
    </rPh>
    <phoneticPr fontId="3"/>
  </si>
  <si>
    <t>第４－２表　産業(大分類)、単独・本所・支所別民営事業所数、
事業従事者数及び純付加価値額
（外国の会社及び法人でない団体を除く）
－全国、都道府県、市区町村</t>
    <phoneticPr fontId="3"/>
  </si>
  <si>
    <t>第２表　企業産業(中分類)、単一・複数(2区分)別企業等数、
事業所数、従業者数、売上（収入）金額、費用総額、
主な費用項目、粗付加価値額、純付加価値額、設備投資額、
１企業当たり売上（収入）金額、
１企業当たり粗付加価値額及び純付加価値額
－全国、都道府県</t>
    <phoneticPr fontId="3"/>
  </si>
  <si>
    <t>第４表　企業産業(大分類)、経営組織(3区分)別企業等数、
事業所数、男女別従業者数及び常用雇用者数
－全国、都道府県、郡・支庁等、市区町村</t>
    <phoneticPr fontId="3"/>
  </si>
  <si>
    <t>第３表　産業(中分類)、経営組織(5区分)、
従業者規模(13区分)別全事業所数、男女別従業者数、
常用雇用者数及び１事業所当たり従業者数
－全国、都道府県、大都市</t>
    <phoneticPr fontId="3"/>
  </si>
  <si>
    <t>第２表　企業産業(中分類)、単一・複数(2区分)別企業等数、
事業所数、従業者数、売上（収入）金額、費用総額、主な費用項目、
粗付加価値額、純付加価値額、設備投資額、
１企業当たり売上（収入）金額、
１企業当たり粗付加価値額及び純付加価値額
－全国、都道府県</t>
    <phoneticPr fontId="3"/>
  </si>
  <si>
    <t>第３－２表　企業産業(小分類)、資本金階級(10区分)別会社企業数、
事業所数、男女別従業者数及び常用雇用者数
－全国、都道府県、大都市</t>
    <phoneticPr fontId="3"/>
  </si>
  <si>
    <t>第８－４表　企業産業(中分類)、資本金階級(7区分)別会社企業数、
事業所数、従業者数、売上（収入）金額、費用総額、主な費用項目、
粗付加価値額、純付加価値額及び設備投資額
－全国</t>
    <phoneticPr fontId="3"/>
  </si>
  <si>
    <t>第８－１表　企業産業(中分類)、売上（収入）金額階級別企業等数、
事業所数、従業者数、売上（収入）金額、費用総額、主な費用項目、
粗付加価値額、純付加価値額及び設備投資額
－全国</t>
    <phoneticPr fontId="3"/>
  </si>
  <si>
    <t>第５－１表　企業産業(大分類)、経営組織(3区分)、
単一・複数(3区分)、企業常用雇用者規模(11区分)別企業等数、
事業所数、男女別従業者数、常用雇用者数及び出向・派遣従業者数
－全国、都道府県、大都市</t>
    <phoneticPr fontId="3"/>
  </si>
  <si>
    <t>第５表　企業産業(大分類)、
事業活動別法人数及び売上（収入）金額
－全国、都道府県</t>
    <phoneticPr fontId="3"/>
  </si>
  <si>
    <t>第７表　企業産業(大分類)、経営組織(3区分)別企業等数、
事業所数、従業者数、売上（収入）金額、費用総額、主な費用項目、
粗付加価値額、純付加価値額及び設備投資額
－全国、都道府県</t>
    <phoneticPr fontId="3"/>
  </si>
  <si>
    <t>第３－２表　企業産業(小分類)、資本金階級(10区分)別会社企業数、
事業所数、男女別従業者数及び常用雇用者数
－全国、都道府県、大都市</t>
    <phoneticPr fontId="3"/>
  </si>
  <si>
    <t>第８－４表　企業産業(中分類)、資本金階級(7区分)別会社企業数、
事業所数、従業者数、売上（収入）金額、費用総額、主な費用項目、
粗付加価値額、純付加価値額及び設備投資額
－全国</t>
    <phoneticPr fontId="3"/>
  </si>
  <si>
    <t>第２－２表　産業(大分類)、経営組織(3区分)別民営事業所数、
事業従事者数、純付加価値額、１事業所当たり事業従事者数、
１事業所当たり純付加価値額及び
事業従事者１人当たり純付加価値額
（外国の会社及び法人でない団体を除く）
－全国、都道府県、市区町村</t>
    <phoneticPr fontId="3"/>
  </si>
  <si>
    <t>第４－２表　産業(中分類)、経営組織(2区分)、
従業者規模(9区分)、従業上の地位(6区分)、男女別従業者数
－全国、都道府県、大都市、県庁所在市、人口30万以上市</t>
    <phoneticPr fontId="3"/>
  </si>
  <si>
    <t>第２４表　産業(大分類)、開設時期、
経営組織(4区分)別民営事業所数及び男女別従業者数
－全国、都道府県、市区町村</t>
    <phoneticPr fontId="3"/>
  </si>
  <si>
    <t>都道府県別事業所数及び従業者数</t>
    <rPh sb="0" eb="4">
      <t>トドウフケン</t>
    </rPh>
    <rPh sb="4" eb="5">
      <t>ベツ</t>
    </rPh>
    <rPh sb="5" eb="8">
      <t>ジギョウショ</t>
    </rPh>
    <rPh sb="8" eb="9">
      <t>スウ</t>
    </rPh>
    <rPh sb="9" eb="10">
      <t>オヨ</t>
    </rPh>
    <rPh sb="11" eb="15">
      <t>ジュウギョウシャスウ</t>
    </rPh>
    <phoneticPr fontId="1"/>
  </si>
  <si>
    <t>市区町村別事業所数及び従業者数</t>
    <rPh sb="0" eb="4">
      <t>シクチョウソン</t>
    </rPh>
    <rPh sb="4" eb="5">
      <t>ベツ</t>
    </rPh>
    <rPh sb="5" eb="8">
      <t>ジギョウショ</t>
    </rPh>
    <rPh sb="8" eb="9">
      <t>スウ</t>
    </rPh>
    <rPh sb="9" eb="10">
      <t>オヨ</t>
    </rPh>
    <rPh sb="11" eb="12">
      <t>ジュウ</t>
    </rPh>
    <rPh sb="12" eb="15">
      <t>ギョウシャスウ</t>
    </rPh>
    <phoneticPr fontId="1"/>
  </si>
  <si>
    <t>産業大分類別他からの出向・派遣従業者数比率</t>
    <rPh sb="0" eb="2">
      <t>サンギョウ</t>
    </rPh>
    <rPh sb="2" eb="5">
      <t>ダイブンルイ</t>
    </rPh>
    <rPh sb="5" eb="6">
      <t>ベツ</t>
    </rPh>
    <rPh sb="6" eb="7">
      <t>ホカ</t>
    </rPh>
    <rPh sb="10" eb="12">
      <t>シュッコウ</t>
    </rPh>
    <rPh sb="13" eb="18">
      <t>ハケンジュウギョウシャ</t>
    </rPh>
    <rPh sb="18" eb="19">
      <t>スウ</t>
    </rPh>
    <rPh sb="19" eb="21">
      <t>ヒリツ</t>
    </rPh>
    <phoneticPr fontId="1"/>
  </si>
  <si>
    <t>産業大分類別他からの出向・派遣従業者数比率</t>
    <phoneticPr fontId="1"/>
  </si>
  <si>
    <t>産業大分類、他からの出向・派遣従業者の有無別事業所数の構成比</t>
    <phoneticPr fontId="1"/>
  </si>
  <si>
    <t>産業大分類、他からの出向・派遣従業者の有無別事業所数</t>
    <phoneticPr fontId="1"/>
  </si>
  <si>
    <t>市区町村、開設時期別事業所数</t>
    <phoneticPr fontId="1"/>
  </si>
  <si>
    <t>都道府県、開設時期別事業所数</t>
    <phoneticPr fontId="1"/>
  </si>
  <si>
    <t>市区町村別の2016年以降に開設された事業所の割合</t>
    <phoneticPr fontId="1"/>
  </si>
  <si>
    <t>都道府県別の2016年以降に開設された事業所の割合</t>
    <phoneticPr fontId="1"/>
  </si>
  <si>
    <t>産業大分類、開設時期別事業所数の構成比</t>
    <phoneticPr fontId="1"/>
  </si>
  <si>
    <t>産業大分類、開設時期別事業所数</t>
    <phoneticPr fontId="1"/>
  </si>
  <si>
    <t>従業者規模別事業所数及び従業者数</t>
    <phoneticPr fontId="1"/>
  </si>
  <si>
    <t>産業大分類別無期雇用者及び無期雇用者以外の雇用者の構成比</t>
    <phoneticPr fontId="1"/>
  </si>
  <si>
    <t>産業大分類別無期雇用者及び無期雇用者以外の雇用者</t>
    <phoneticPr fontId="1"/>
  </si>
  <si>
    <t>従業上の地位別従業者数</t>
    <phoneticPr fontId="1"/>
  </si>
  <si>
    <t>産業大分類、男女別従業者数の構成比</t>
    <phoneticPr fontId="1"/>
  </si>
  <si>
    <t>産業大分類、男女別従業者数及び構成比</t>
    <phoneticPr fontId="1"/>
  </si>
  <si>
    <t>産業大分類別事業所数及び従業者数の構成比</t>
    <phoneticPr fontId="1"/>
  </si>
  <si>
    <t>産業大分類別事業所数及び従業者数</t>
    <phoneticPr fontId="1"/>
  </si>
  <si>
    <t>市区町村別純付加価値額</t>
    <phoneticPr fontId="1"/>
  </si>
  <si>
    <t>都道府県別純付加価値額</t>
    <phoneticPr fontId="1"/>
  </si>
  <si>
    <t>資本金階級別会社企業数及び設備投資額の構成比</t>
    <phoneticPr fontId="1"/>
  </si>
  <si>
    <t>資本金階級別会社企業数及び設備投資額</t>
    <phoneticPr fontId="1"/>
  </si>
  <si>
    <t>産業大分類別設備投資額売上高比率</t>
    <phoneticPr fontId="1"/>
  </si>
  <si>
    <t>産業大分類別有形固定資産・無形固定資産の割合</t>
    <phoneticPr fontId="1"/>
  </si>
  <si>
    <t>産業大分類別有形固定資産取得額及び無形固定資産取得額</t>
    <phoneticPr fontId="1"/>
  </si>
  <si>
    <t>産業大分類別企業等数及び設備投資額の構成比</t>
    <phoneticPr fontId="1"/>
  </si>
  <si>
    <t>産業大分類別企業等数及び設備投資額</t>
    <phoneticPr fontId="1"/>
  </si>
  <si>
    <t>「不動産業，物品賃貸業」の事業活動別売上高の構成比</t>
    <phoneticPr fontId="1"/>
  </si>
  <si>
    <t>「教育,学習支援業」の事業活動別売上高の構成比</t>
    <phoneticPr fontId="1"/>
  </si>
  <si>
    <t>産業大分類、事業活動別売上高</t>
    <phoneticPr fontId="1"/>
  </si>
  <si>
    <t>産業大分類別主業比率</t>
    <phoneticPr fontId="1"/>
  </si>
  <si>
    <t>産業大分類、主業・主業以外別売上高及び比率</t>
    <phoneticPr fontId="1"/>
  </si>
  <si>
    <t>産業大分類別純付加価値率</t>
    <phoneticPr fontId="1"/>
  </si>
  <si>
    <t>産業大分類別企業等数、売上高、純付加価値額及び純付加価値率</t>
    <phoneticPr fontId="1"/>
  </si>
  <si>
    <t>産業大分類、単一・複数別売上高の割合</t>
    <phoneticPr fontId="1"/>
  </si>
  <si>
    <t>産業大分類、単一・複数別企業等数の割合</t>
    <phoneticPr fontId="1"/>
  </si>
  <si>
    <t>産業大分類、単一・複数別企業等数及び売上高</t>
    <phoneticPr fontId="1"/>
  </si>
  <si>
    <t>単一・複数別企業等数及び売上高</t>
    <phoneticPr fontId="1"/>
  </si>
  <si>
    <t>産業大分類、売上高階級別企業等数の構成比</t>
    <phoneticPr fontId="1"/>
  </si>
  <si>
    <t>産業大分類、売上高階級別企業等数</t>
    <phoneticPr fontId="1"/>
  </si>
  <si>
    <t>資本金階級別会社企業数、売上高及び純付加価値額の構成比</t>
    <phoneticPr fontId="1"/>
  </si>
  <si>
    <t>資本金階級別会社企業数、売上高及び純付加価値額</t>
    <phoneticPr fontId="1"/>
  </si>
  <si>
    <t>産業大分類、経営組織別企業等数及び売上高</t>
    <phoneticPr fontId="1"/>
  </si>
  <si>
    <t>経営組織別企業等数、売上高及び純付加価値額</t>
    <phoneticPr fontId="1"/>
  </si>
  <si>
    <t>産業大分類別企業等数、売上高及び純付加価値額の構成比</t>
    <phoneticPr fontId="1"/>
  </si>
  <si>
    <t>産業大分類別売上高及び純付加価値額</t>
    <phoneticPr fontId="1"/>
  </si>
  <si>
    <t>１.複合サービス事業を除く産業について</t>
    <rPh sb="2" eb="4">
      <t>フクゴウ</t>
    </rPh>
    <rPh sb="8" eb="10">
      <t>ジギョウ</t>
    </rPh>
    <rPh sb="11" eb="12">
      <t>ノゾ</t>
    </rPh>
    <rPh sb="13" eb="15">
      <t>サンギョウ</t>
    </rPh>
    <phoneticPr fontId="1"/>
  </si>
  <si>
    <t>２.全産業について</t>
    <phoneticPr fontId="1"/>
  </si>
  <si>
    <t>図表名・付表名</t>
    <rPh sb="0" eb="2">
      <t>ズヒョウ</t>
    </rPh>
    <rPh sb="2" eb="3">
      <t>メイ</t>
    </rPh>
    <rPh sb="4" eb="6">
      <t>フヒョウ</t>
    </rPh>
    <rPh sb="6" eb="7">
      <t>メイ</t>
    </rPh>
    <phoneticPr fontId="3"/>
  </si>
  <si>
    <t xml:space="preserve">国確報集計資料（令和５年６月27日総務省・経済産業省「令和３年経済センサス‐活動調査　産業横断的集計（事業所に関する集計・企業等に関する集計）結果の概要」との対応表）
注：網掛け部分は全国数値のみの公表資料
</t>
    <phoneticPr fontId="3"/>
  </si>
  <si>
    <t>産業大分類別企業等数、事業所数及び従業者数</t>
    <phoneticPr fontId="1"/>
  </si>
  <si>
    <t>５．市区町村別純付加価値額の状況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0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1"/>
      <color theme="1"/>
      <name val="ＭＳ Ｐゴシック"/>
      <family val="2"/>
      <charset val="128"/>
    </font>
    <font>
      <sz val="6"/>
      <name val="ＭＳ Ｐゴシック"/>
      <family val="2"/>
      <charset val="128"/>
    </font>
    <font>
      <b/>
      <sz val="12"/>
      <color theme="1"/>
      <name val="ＭＳ Ｐゴシック"/>
      <family val="3"/>
      <charset val="128"/>
    </font>
    <font>
      <sz val="12"/>
      <name val="ＭＳ Ｐゴシック"/>
      <family val="3"/>
      <charset val="128"/>
    </font>
    <font>
      <sz val="12"/>
      <color theme="1"/>
      <name val="ＭＳ Ｐゴシック"/>
      <family val="3"/>
      <charset val="128"/>
    </font>
    <font>
      <b/>
      <sz val="12"/>
      <name val="ＭＳ Ｐゴシック"/>
      <family val="3"/>
      <charset val="128"/>
    </font>
    <font>
      <b/>
      <sz val="18"/>
      <color theme="1"/>
      <name val="ＭＳ Ｐゴシック"/>
      <family val="3"/>
      <charset val="128"/>
    </font>
    <font>
      <b/>
      <sz val="22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2" tint="-9.9978637043366805E-2"/>
        <bgColor indexed="64"/>
      </patternFill>
    </fill>
  </fills>
  <borders count="2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 diagonalUp="1">
      <left style="thin">
        <color indexed="64"/>
      </left>
      <right style="thin">
        <color indexed="64"/>
      </right>
      <top/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/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thin">
        <color indexed="64"/>
      </bottom>
      <diagonal style="thin">
        <color indexed="64"/>
      </diagonal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2" fillId="0" borderId="0">
      <alignment vertical="center"/>
    </xf>
  </cellStyleXfs>
  <cellXfs count="116">
    <xf numFmtId="0" fontId="0" fillId="0" borderId="0" xfId="0">
      <alignment vertical="center"/>
    </xf>
    <xf numFmtId="0" fontId="5" fillId="0" borderId="0" xfId="0" applyFont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vertical="center" wrapText="1"/>
    </xf>
    <xf numFmtId="0" fontId="6" fillId="0" borderId="0" xfId="0" applyFont="1" applyAlignment="1">
      <alignment horizontal="left" vertical="center"/>
    </xf>
    <xf numFmtId="0" fontId="6" fillId="0" borderId="0" xfId="0" applyFont="1">
      <alignment vertical="center"/>
    </xf>
    <xf numFmtId="0" fontId="4" fillId="0" borderId="15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/>
    </xf>
    <xf numFmtId="0" fontId="4" fillId="0" borderId="8" xfId="0" applyFont="1" applyBorder="1">
      <alignment vertical="center"/>
    </xf>
    <xf numFmtId="0" fontId="7" fillId="0" borderId="0" xfId="0" applyFont="1" applyBorder="1">
      <alignment vertical="center"/>
    </xf>
    <xf numFmtId="0" fontId="4" fillId="0" borderId="0" xfId="0" applyFont="1" applyBorder="1">
      <alignment vertical="center"/>
    </xf>
    <xf numFmtId="0" fontId="4" fillId="0" borderId="0" xfId="0" applyFont="1" applyBorder="1" applyAlignment="1">
      <alignment vertical="center" wrapText="1"/>
    </xf>
    <xf numFmtId="0" fontId="4" fillId="0" borderId="0" xfId="0" applyFont="1" applyBorder="1" applyAlignment="1">
      <alignment horizontal="left" vertical="center"/>
    </xf>
    <xf numFmtId="0" fontId="4" fillId="0" borderId="11" xfId="0" applyFont="1" applyBorder="1">
      <alignment vertical="center"/>
    </xf>
    <xf numFmtId="0" fontId="6" fillId="0" borderId="5" xfId="0" applyFont="1" applyBorder="1">
      <alignment vertical="center"/>
    </xf>
    <xf numFmtId="0" fontId="6" fillId="0" borderId="2" xfId="0" applyFont="1" applyBorder="1" applyAlignment="1">
      <alignment horizontal="left" vertical="center"/>
    </xf>
    <xf numFmtId="0" fontId="4" fillId="0" borderId="12" xfId="0" applyFont="1" applyBorder="1">
      <alignment vertical="center"/>
    </xf>
    <xf numFmtId="0" fontId="7" fillId="0" borderId="16" xfId="0" applyFont="1" applyBorder="1">
      <alignment vertical="center"/>
    </xf>
    <xf numFmtId="0" fontId="4" fillId="0" borderId="16" xfId="0" applyFont="1" applyBorder="1">
      <alignment vertical="center"/>
    </xf>
    <xf numFmtId="0" fontId="4" fillId="0" borderId="16" xfId="0" applyFont="1" applyBorder="1" applyAlignment="1">
      <alignment vertical="center" wrapText="1"/>
    </xf>
    <xf numFmtId="0" fontId="4" fillId="0" borderId="16" xfId="0" applyFont="1" applyBorder="1" applyAlignment="1">
      <alignment horizontal="left" vertical="center"/>
    </xf>
    <xf numFmtId="0" fontId="4" fillId="0" borderId="10" xfId="0" applyFont="1" applyBorder="1">
      <alignment vertical="center"/>
    </xf>
    <xf numFmtId="0" fontId="4" fillId="0" borderId="5" xfId="0" applyFont="1" applyBorder="1">
      <alignment vertical="center"/>
    </xf>
    <xf numFmtId="0" fontId="5" fillId="0" borderId="2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/>
    </xf>
    <xf numFmtId="0" fontId="6" fillId="0" borderId="7" xfId="0" applyFont="1" applyBorder="1" applyAlignment="1">
      <alignment horizontal="left" vertical="center" wrapText="1"/>
    </xf>
    <xf numFmtId="0" fontId="6" fillId="0" borderId="3" xfId="0" applyFont="1" applyBorder="1" applyAlignment="1">
      <alignment horizontal="left" vertical="center"/>
    </xf>
    <xf numFmtId="0" fontId="6" fillId="0" borderId="6" xfId="0" applyFont="1" applyBorder="1">
      <alignment vertical="center"/>
    </xf>
    <xf numFmtId="0" fontId="5" fillId="0" borderId="8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/>
    </xf>
    <xf numFmtId="0" fontId="6" fillId="0" borderId="0" xfId="0" applyFont="1" applyBorder="1" applyAlignment="1">
      <alignment horizontal="left" vertical="center" wrapText="1"/>
    </xf>
    <xf numFmtId="0" fontId="6" fillId="0" borderId="11" xfId="0" applyFont="1" applyBorder="1" applyAlignment="1">
      <alignment horizontal="left" vertical="center"/>
    </xf>
    <xf numFmtId="0" fontId="5" fillId="0" borderId="12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/>
    </xf>
    <xf numFmtId="0" fontId="6" fillId="0" borderId="16" xfId="0" applyFont="1" applyBorder="1" applyAlignment="1">
      <alignment horizontal="left" vertical="center" wrapText="1"/>
    </xf>
    <xf numFmtId="0" fontId="6" fillId="0" borderId="8" xfId="0" applyFont="1" applyBorder="1">
      <alignment vertical="center"/>
    </xf>
    <xf numFmtId="0" fontId="4" fillId="0" borderId="17" xfId="0" applyFont="1" applyBorder="1">
      <alignment vertical="center"/>
    </xf>
    <xf numFmtId="0" fontId="6" fillId="0" borderId="2" xfId="0" applyFont="1" applyBorder="1" applyAlignment="1">
      <alignment vertical="center"/>
    </xf>
    <xf numFmtId="0" fontId="6" fillId="0" borderId="7" xfId="0" applyFont="1" applyBorder="1" applyAlignment="1">
      <alignment vertical="center"/>
    </xf>
    <xf numFmtId="0" fontId="6" fillId="2" borderId="2" xfId="0" applyFont="1" applyFill="1" applyBorder="1" applyAlignment="1">
      <alignment vertical="center"/>
    </xf>
    <xf numFmtId="0" fontId="6" fillId="2" borderId="7" xfId="0" applyFont="1" applyFill="1" applyBorder="1" applyAlignment="1">
      <alignment vertical="center"/>
    </xf>
    <xf numFmtId="0" fontId="4" fillId="0" borderId="24" xfId="0" applyFont="1" applyBorder="1">
      <alignment vertical="center"/>
    </xf>
    <xf numFmtId="0" fontId="4" fillId="0" borderId="7" xfId="0" applyFont="1" applyBorder="1">
      <alignment vertical="center"/>
    </xf>
    <xf numFmtId="0" fontId="6" fillId="0" borderId="18" xfId="0" applyFont="1" applyBorder="1" applyAlignment="1">
      <alignment horizontal="left" vertical="center"/>
    </xf>
    <xf numFmtId="0" fontId="6" fillId="0" borderId="23" xfId="0" applyFont="1" applyBorder="1" applyAlignment="1">
      <alignment horizontal="left" vertical="center"/>
    </xf>
    <xf numFmtId="0" fontId="8" fillId="0" borderId="2" xfId="0" applyFont="1" applyBorder="1" applyAlignment="1">
      <alignment horizontal="center" vertical="center" wrapText="1"/>
    </xf>
    <xf numFmtId="0" fontId="8" fillId="0" borderId="3" xfId="0" applyFont="1" applyBorder="1" applyAlignment="1">
      <alignment horizontal="center" vertical="center" wrapText="1"/>
    </xf>
    <xf numFmtId="0" fontId="8" fillId="0" borderId="19" xfId="0" applyFont="1" applyBorder="1" applyAlignment="1">
      <alignment horizontal="center" vertical="center" wrapText="1"/>
    </xf>
    <xf numFmtId="0" fontId="8" fillId="0" borderId="20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6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/>
    </xf>
    <xf numFmtId="0" fontId="6" fillId="0" borderId="2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/>
    </xf>
    <xf numFmtId="0" fontId="5" fillId="0" borderId="18" xfId="0" applyFont="1" applyBorder="1" applyAlignment="1">
      <alignment horizontal="center" vertical="center"/>
    </xf>
    <xf numFmtId="0" fontId="6" fillId="0" borderId="7" xfId="0" applyFont="1" applyBorder="1" applyAlignment="1">
      <alignment horizontal="center" vertical="center" wrapText="1"/>
    </xf>
    <xf numFmtId="0" fontId="5" fillId="0" borderId="9" xfId="0" applyFont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6" fillId="2" borderId="4" xfId="0" applyFont="1" applyFill="1" applyBorder="1" applyAlignment="1">
      <alignment horizontal="center" vertical="center"/>
    </xf>
    <xf numFmtId="0" fontId="6" fillId="2" borderId="6" xfId="0" applyFont="1" applyFill="1" applyBorder="1" applyAlignment="1">
      <alignment horizontal="center" vertical="center"/>
    </xf>
    <xf numFmtId="0" fontId="5" fillId="2" borderId="2" xfId="0" applyFont="1" applyFill="1" applyBorder="1" applyAlignment="1">
      <alignment horizontal="center" vertical="center" wrapText="1"/>
    </xf>
    <xf numFmtId="0" fontId="5" fillId="2" borderId="7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7" xfId="0" applyFont="1" applyFill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7" xfId="0" applyFont="1" applyBorder="1" applyAlignment="1">
      <alignment horizontal="center" vertical="center" wrapText="1"/>
    </xf>
    <xf numFmtId="0" fontId="6" fillId="0" borderId="10" xfId="0" applyFont="1" applyBorder="1" applyAlignment="1">
      <alignment horizontal="center" vertical="center"/>
    </xf>
    <xf numFmtId="0" fontId="6" fillId="0" borderId="11" xfId="0" applyFont="1" applyBorder="1" applyAlignment="1">
      <alignment horizontal="center" vertical="center"/>
    </xf>
    <xf numFmtId="0" fontId="6" fillId="0" borderId="9" xfId="0" applyFont="1" applyBorder="1" applyAlignment="1">
      <alignment horizontal="center" vertical="center"/>
    </xf>
    <xf numFmtId="0" fontId="6" fillId="0" borderId="14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wrapText="1"/>
    </xf>
    <xf numFmtId="0" fontId="4" fillId="0" borderId="15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/>
    </xf>
    <xf numFmtId="0" fontId="6" fillId="0" borderId="5" xfId="0" applyFont="1" applyBorder="1" applyAlignment="1">
      <alignment horizontal="center" vertical="center"/>
    </xf>
    <xf numFmtId="0" fontId="5" fillId="0" borderId="21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/>
    </xf>
    <xf numFmtId="49" fontId="6" fillId="0" borderId="4" xfId="1" applyNumberFormat="1" applyFont="1" applyBorder="1" applyAlignment="1">
      <alignment horizontal="left" vertical="center" wrapText="1"/>
    </xf>
    <xf numFmtId="49" fontId="6" fillId="0" borderId="6" xfId="1" applyNumberFormat="1" applyFont="1" applyBorder="1" applyAlignment="1">
      <alignment horizontal="left" vertical="center" wrapText="1"/>
    </xf>
    <xf numFmtId="49" fontId="6" fillId="0" borderId="4" xfId="1" applyNumberFormat="1" applyFont="1" applyBorder="1" applyAlignment="1">
      <alignment vertical="center" wrapText="1"/>
    </xf>
    <xf numFmtId="49" fontId="6" fillId="0" borderId="6" xfId="1" applyNumberFormat="1" applyFont="1" applyBorder="1" applyAlignment="1">
      <alignment vertical="center" wrapText="1"/>
    </xf>
    <xf numFmtId="0" fontId="6" fillId="0" borderId="4" xfId="0" applyFont="1" applyBorder="1">
      <alignment vertical="center"/>
    </xf>
    <xf numFmtId="0" fontId="6" fillId="0" borderId="5" xfId="0" applyFont="1" applyBorder="1">
      <alignment vertical="center"/>
    </xf>
    <xf numFmtId="0" fontId="6" fillId="0" borderId="6" xfId="0" applyFont="1" applyBorder="1">
      <alignment vertical="center"/>
    </xf>
    <xf numFmtId="0" fontId="6" fillId="0" borderId="17" xfId="0" applyFont="1" applyBorder="1" applyAlignment="1">
      <alignment horizontal="center" vertical="center"/>
    </xf>
    <xf numFmtId="0" fontId="9" fillId="0" borderId="1" xfId="0" applyFont="1" applyBorder="1" applyAlignment="1">
      <alignment horizontal="center" vertical="center"/>
    </xf>
    <xf numFmtId="49" fontId="6" fillId="0" borderId="12" xfId="1" applyNumberFormat="1" applyFont="1" applyBorder="1" applyAlignment="1">
      <alignment horizontal="left" vertical="center" wrapText="1"/>
    </xf>
    <xf numFmtId="49" fontId="6" fillId="0" borderId="18" xfId="1" applyNumberFormat="1" applyFont="1" applyBorder="1" applyAlignment="1">
      <alignment horizontal="left" vertical="center" wrapText="1"/>
    </xf>
    <xf numFmtId="0" fontId="6" fillId="0" borderId="4" xfId="0" applyFont="1" applyBorder="1" applyAlignment="1">
      <alignment horizontal="left" vertical="center" wrapText="1"/>
    </xf>
    <xf numFmtId="0" fontId="6" fillId="0" borderId="6" xfId="0" applyFont="1" applyBorder="1" applyAlignment="1">
      <alignment horizontal="left" vertical="center" wrapText="1"/>
    </xf>
    <xf numFmtId="0" fontId="6" fillId="0" borderId="1" xfId="0" applyFont="1" applyBorder="1" applyAlignment="1">
      <alignment horizontal="center" vertical="center"/>
    </xf>
    <xf numFmtId="0" fontId="6" fillId="0" borderId="15" xfId="0" applyFont="1" applyBorder="1" applyAlignment="1">
      <alignment horizontal="center" vertical="center"/>
    </xf>
    <xf numFmtId="0" fontId="7" fillId="0" borderId="1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6" fillId="0" borderId="12" xfId="0" applyFont="1" applyBorder="1" applyAlignment="1">
      <alignment vertical="center" wrapText="1"/>
    </xf>
    <xf numFmtId="0" fontId="6" fillId="0" borderId="18" xfId="0" applyFont="1" applyBorder="1" applyAlignment="1">
      <alignment vertical="center" wrapText="1"/>
    </xf>
    <xf numFmtId="0" fontId="6" fillId="0" borderId="4" xfId="0" applyFont="1" applyBorder="1" applyAlignment="1">
      <alignment vertical="center" wrapText="1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0" fontId="6" fillId="0" borderId="8" xfId="0" applyFont="1" applyBorder="1" applyAlignment="1">
      <alignment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6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0" fontId="5" fillId="0" borderId="4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2" borderId="4" xfId="0" applyFont="1" applyFill="1" applyBorder="1" applyAlignment="1">
      <alignment horizontal="center" vertical="center" wrapText="1"/>
    </xf>
    <xf numFmtId="0" fontId="5" fillId="2" borderId="5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6" fillId="2" borderId="4" xfId="0" applyFont="1" applyFill="1" applyBorder="1" applyAlignment="1">
      <alignment vertical="center" wrapText="1"/>
    </xf>
    <xf numFmtId="0" fontId="6" fillId="2" borderId="5" xfId="0" applyFont="1" applyFill="1" applyBorder="1" applyAlignment="1">
      <alignment vertical="center" wrapText="1"/>
    </xf>
    <xf numFmtId="0" fontId="6" fillId="2" borderId="6" xfId="0" applyFont="1" applyFill="1" applyBorder="1" applyAlignment="1">
      <alignment vertical="center" wrapText="1"/>
    </xf>
    <xf numFmtId="0" fontId="8" fillId="0" borderId="23" xfId="0" applyFont="1" applyBorder="1" applyAlignment="1">
      <alignment horizontal="left" vertical="center" wrapText="1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colors>
    <mruColors>
      <color rgb="FFFF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I162"/>
  <sheetViews>
    <sheetView showGridLines="0" tabSelected="1" zoomScale="90" zoomScaleNormal="90" zoomScaleSheetLayoutView="50" workbookViewId="0">
      <pane ySplit="4" topLeftCell="A5" activePane="bottomLeft" state="frozen"/>
      <selection pane="bottomLeft"/>
    </sheetView>
  </sheetViews>
  <sheetFormatPr defaultColWidth="9" defaultRowHeight="14.4" x14ac:dyDescent="0.2"/>
  <cols>
    <col min="1" max="1" width="2.5" style="5" customWidth="1"/>
    <col min="2" max="2" width="2.8984375" style="5" customWidth="1"/>
    <col min="3" max="3" width="11.09765625" style="1" bestFit="1" customWidth="1"/>
    <col min="4" max="4" width="11.09765625" style="2" bestFit="1" customWidth="1"/>
    <col min="5" max="5" width="30.69921875" style="3" customWidth="1"/>
    <col min="6" max="6" width="30.69921875" style="4" customWidth="1"/>
    <col min="7" max="7" width="21.59765625" style="5" customWidth="1"/>
    <col min="8" max="8" width="60.69921875" style="5" customWidth="1"/>
    <col min="9" max="9" width="11.19921875" style="2" bestFit="1" customWidth="1"/>
    <col min="10" max="10" width="1.5" style="5" customWidth="1"/>
    <col min="11" max="16384" width="9" style="5"/>
  </cols>
  <sheetData>
    <row r="2" spans="2:9" ht="78" customHeight="1" x14ac:dyDescent="0.2">
      <c r="B2" s="115" t="s">
        <v>231</v>
      </c>
      <c r="C2" s="115"/>
      <c r="D2" s="115"/>
      <c r="E2" s="115"/>
      <c r="F2" s="115"/>
      <c r="G2" s="115"/>
      <c r="H2" s="115"/>
      <c r="I2" s="115"/>
    </row>
    <row r="3" spans="2:9" ht="52.05" customHeight="1" x14ac:dyDescent="0.2">
      <c r="B3" s="94"/>
      <c r="C3" s="96" t="s">
        <v>152</v>
      </c>
      <c r="D3" s="75" t="s">
        <v>153</v>
      </c>
      <c r="E3" s="45" t="s">
        <v>230</v>
      </c>
      <c r="F3" s="46"/>
      <c r="G3" s="89" t="s">
        <v>63</v>
      </c>
      <c r="H3" s="89"/>
      <c r="I3" s="75" t="s">
        <v>154</v>
      </c>
    </row>
    <row r="4" spans="2:9" ht="52.05" customHeight="1" thickBot="1" x14ac:dyDescent="0.25">
      <c r="B4" s="95"/>
      <c r="C4" s="97"/>
      <c r="D4" s="76"/>
      <c r="E4" s="47" t="s">
        <v>151</v>
      </c>
      <c r="F4" s="48"/>
      <c r="G4" s="6" t="s">
        <v>54</v>
      </c>
      <c r="H4" s="7" t="s">
        <v>55</v>
      </c>
      <c r="I4" s="76"/>
    </row>
    <row r="5" spans="2:9" ht="24" customHeight="1" thickTop="1" x14ac:dyDescent="0.2">
      <c r="B5" s="8" t="s">
        <v>64</v>
      </c>
      <c r="C5" s="9"/>
      <c r="D5" s="10"/>
      <c r="E5" s="11"/>
      <c r="F5" s="12"/>
      <c r="G5" s="41"/>
      <c r="H5" s="10"/>
      <c r="I5" s="13"/>
    </row>
    <row r="6" spans="2:9" ht="24" customHeight="1" x14ac:dyDescent="0.2">
      <c r="B6" s="14"/>
      <c r="C6" s="49" t="s">
        <v>65</v>
      </c>
      <c r="D6" s="51" t="s">
        <v>66</v>
      </c>
      <c r="E6" s="37" t="s">
        <v>227</v>
      </c>
      <c r="F6" s="38"/>
      <c r="G6" s="90" t="s">
        <v>67</v>
      </c>
      <c r="H6" s="81" t="s">
        <v>165</v>
      </c>
      <c r="I6" s="71" t="s">
        <v>6</v>
      </c>
    </row>
    <row r="7" spans="2:9" ht="97.5" customHeight="1" x14ac:dyDescent="0.2">
      <c r="B7" s="14"/>
      <c r="C7" s="50"/>
      <c r="D7" s="52"/>
      <c r="E7" s="55" t="s">
        <v>18</v>
      </c>
      <c r="F7" s="56"/>
      <c r="G7" s="91"/>
      <c r="H7" s="82"/>
      <c r="I7" s="72"/>
    </row>
    <row r="8" spans="2:9" ht="24" customHeight="1" x14ac:dyDescent="0.2">
      <c r="B8" s="14"/>
      <c r="C8" s="49" t="s">
        <v>69</v>
      </c>
      <c r="D8" s="51" t="s">
        <v>70</v>
      </c>
      <c r="E8" s="37" t="s">
        <v>232</v>
      </c>
      <c r="F8" s="38"/>
      <c r="G8" s="92" t="s">
        <v>15</v>
      </c>
      <c r="H8" s="81" t="s">
        <v>166</v>
      </c>
      <c r="I8" s="71" t="s">
        <v>5</v>
      </c>
    </row>
    <row r="9" spans="2:9" ht="65.099999999999994" customHeight="1" x14ac:dyDescent="0.2">
      <c r="B9" s="14"/>
      <c r="C9" s="50"/>
      <c r="D9" s="52"/>
      <c r="E9" s="53" t="s">
        <v>19</v>
      </c>
      <c r="F9" s="54"/>
      <c r="G9" s="93"/>
      <c r="H9" s="82"/>
      <c r="I9" s="72"/>
    </row>
    <row r="10" spans="2:9" ht="24" customHeight="1" x14ac:dyDescent="0.2">
      <c r="B10" s="14"/>
      <c r="C10" s="49" t="s">
        <v>69</v>
      </c>
      <c r="D10" s="51" t="s">
        <v>70</v>
      </c>
      <c r="E10" s="37" t="s">
        <v>232</v>
      </c>
      <c r="F10" s="38"/>
      <c r="G10" s="92" t="s">
        <v>16</v>
      </c>
      <c r="H10" s="81" t="s">
        <v>167</v>
      </c>
      <c r="I10" s="51" t="s">
        <v>0</v>
      </c>
    </row>
    <row r="11" spans="2:9" ht="65.099999999999994" customHeight="1" x14ac:dyDescent="0.2">
      <c r="B11" s="14"/>
      <c r="C11" s="50"/>
      <c r="D11" s="52"/>
      <c r="E11" s="55" t="s">
        <v>20</v>
      </c>
      <c r="F11" s="59"/>
      <c r="G11" s="93"/>
      <c r="H11" s="82"/>
      <c r="I11" s="52"/>
    </row>
    <row r="12" spans="2:9" ht="24" customHeight="1" x14ac:dyDescent="0.2">
      <c r="B12" s="16" t="s">
        <v>158</v>
      </c>
      <c r="C12" s="17"/>
      <c r="D12" s="18"/>
      <c r="E12" s="19"/>
      <c r="F12" s="20"/>
      <c r="G12" s="16"/>
      <c r="H12" s="18"/>
      <c r="I12" s="21"/>
    </row>
    <row r="13" spans="2:9" ht="24" customHeight="1" x14ac:dyDescent="0.2">
      <c r="B13" s="22"/>
      <c r="C13" s="23" t="s">
        <v>71</v>
      </c>
      <c r="D13" s="24"/>
      <c r="E13" s="25"/>
      <c r="F13" s="24"/>
      <c r="G13" s="43"/>
      <c r="H13" s="44"/>
      <c r="I13" s="31"/>
    </row>
    <row r="14" spans="2:9" ht="24" customHeight="1" x14ac:dyDescent="0.2">
      <c r="B14" s="14"/>
      <c r="C14" s="57" t="s">
        <v>72</v>
      </c>
      <c r="D14" s="51" t="s">
        <v>72</v>
      </c>
      <c r="E14" s="37" t="s">
        <v>226</v>
      </c>
      <c r="F14" s="38"/>
      <c r="G14" s="100" t="s">
        <v>15</v>
      </c>
      <c r="H14" s="81" t="s">
        <v>166</v>
      </c>
      <c r="I14" s="51" t="s">
        <v>5</v>
      </c>
    </row>
    <row r="15" spans="2:9" ht="65.099999999999994" customHeight="1" x14ac:dyDescent="0.2">
      <c r="B15" s="14"/>
      <c r="C15" s="58"/>
      <c r="D15" s="52"/>
      <c r="E15" s="53" t="s">
        <v>21</v>
      </c>
      <c r="F15" s="54"/>
      <c r="G15" s="102"/>
      <c r="H15" s="82"/>
      <c r="I15" s="52"/>
    </row>
    <row r="16" spans="2:9" ht="24" customHeight="1" x14ac:dyDescent="0.2">
      <c r="B16" s="14"/>
      <c r="C16" s="49" t="s">
        <v>72</v>
      </c>
      <c r="D16" s="51" t="s">
        <v>72</v>
      </c>
      <c r="E16" s="37" t="s">
        <v>226</v>
      </c>
      <c r="F16" s="38"/>
      <c r="G16" s="83" t="s">
        <v>67</v>
      </c>
      <c r="H16" s="81" t="s">
        <v>165</v>
      </c>
      <c r="I16" s="51" t="s">
        <v>6</v>
      </c>
    </row>
    <row r="17" spans="2:9" ht="97.5" customHeight="1" x14ac:dyDescent="0.2">
      <c r="B17" s="14"/>
      <c r="C17" s="50"/>
      <c r="D17" s="52"/>
      <c r="E17" s="55" t="s">
        <v>18</v>
      </c>
      <c r="F17" s="59"/>
      <c r="G17" s="84"/>
      <c r="H17" s="82"/>
      <c r="I17" s="52"/>
    </row>
    <row r="18" spans="2:9" ht="24" customHeight="1" x14ac:dyDescent="0.2">
      <c r="B18" s="14"/>
      <c r="C18" s="49" t="s">
        <v>73</v>
      </c>
      <c r="D18" s="51" t="s">
        <v>74</v>
      </c>
      <c r="E18" s="37" t="s">
        <v>225</v>
      </c>
      <c r="F18" s="38"/>
      <c r="G18" s="100" t="s">
        <v>15</v>
      </c>
      <c r="H18" s="81" t="s">
        <v>166</v>
      </c>
      <c r="I18" s="51" t="s">
        <v>5</v>
      </c>
    </row>
    <row r="19" spans="2:9" ht="65.099999999999994" customHeight="1" x14ac:dyDescent="0.2">
      <c r="B19" s="14"/>
      <c r="C19" s="50"/>
      <c r="D19" s="52"/>
      <c r="E19" s="53" t="s">
        <v>21</v>
      </c>
      <c r="F19" s="54"/>
      <c r="G19" s="102"/>
      <c r="H19" s="82"/>
      <c r="I19" s="52"/>
    </row>
    <row r="20" spans="2:9" ht="24" customHeight="1" x14ac:dyDescent="0.2">
      <c r="B20" s="14"/>
      <c r="C20" s="49" t="s">
        <v>73</v>
      </c>
      <c r="D20" s="51" t="s">
        <v>74</v>
      </c>
      <c r="E20" s="37" t="s">
        <v>225</v>
      </c>
      <c r="F20" s="38"/>
      <c r="G20" s="83" t="s">
        <v>67</v>
      </c>
      <c r="H20" s="81" t="s">
        <v>168</v>
      </c>
      <c r="I20" s="51" t="s">
        <v>6</v>
      </c>
    </row>
    <row r="21" spans="2:9" ht="97.5" customHeight="1" x14ac:dyDescent="0.2">
      <c r="B21" s="14"/>
      <c r="C21" s="50"/>
      <c r="D21" s="52"/>
      <c r="E21" s="55" t="s">
        <v>18</v>
      </c>
      <c r="F21" s="59"/>
      <c r="G21" s="84"/>
      <c r="H21" s="82"/>
      <c r="I21" s="52"/>
    </row>
    <row r="22" spans="2:9" ht="24" customHeight="1" x14ac:dyDescent="0.2">
      <c r="B22" s="14"/>
      <c r="C22" s="49" t="s">
        <v>75</v>
      </c>
      <c r="D22" s="51" t="s">
        <v>76</v>
      </c>
      <c r="E22" s="37" t="s">
        <v>224</v>
      </c>
      <c r="F22" s="38"/>
      <c r="G22" s="100" t="s">
        <v>15</v>
      </c>
      <c r="H22" s="81" t="s">
        <v>166</v>
      </c>
      <c r="I22" s="51" t="s">
        <v>5</v>
      </c>
    </row>
    <row r="23" spans="2:9" ht="65.099999999999994" customHeight="1" x14ac:dyDescent="0.2">
      <c r="B23" s="14"/>
      <c r="C23" s="50"/>
      <c r="D23" s="52"/>
      <c r="E23" s="53" t="s">
        <v>21</v>
      </c>
      <c r="F23" s="54"/>
      <c r="G23" s="102"/>
      <c r="H23" s="82"/>
      <c r="I23" s="52"/>
    </row>
    <row r="24" spans="2:9" ht="24" customHeight="1" x14ac:dyDescent="0.2">
      <c r="B24" s="14"/>
      <c r="C24" s="49" t="s">
        <v>75</v>
      </c>
      <c r="D24" s="51" t="s">
        <v>76</v>
      </c>
      <c r="E24" s="37" t="s">
        <v>224</v>
      </c>
      <c r="F24" s="38"/>
      <c r="G24" s="83" t="s">
        <v>67</v>
      </c>
      <c r="H24" s="81" t="s">
        <v>165</v>
      </c>
      <c r="I24" s="51" t="s">
        <v>6</v>
      </c>
    </row>
    <row r="25" spans="2:9" ht="97.5" customHeight="1" x14ac:dyDescent="0.2">
      <c r="B25" s="14"/>
      <c r="C25" s="50"/>
      <c r="D25" s="52"/>
      <c r="E25" s="55" t="s">
        <v>22</v>
      </c>
      <c r="F25" s="59"/>
      <c r="G25" s="84"/>
      <c r="H25" s="82"/>
      <c r="I25" s="52"/>
    </row>
    <row r="26" spans="2:9" ht="24" customHeight="1" x14ac:dyDescent="0.2">
      <c r="B26" s="14"/>
      <c r="C26" s="60"/>
      <c r="D26" s="63" t="s">
        <v>77</v>
      </c>
      <c r="E26" s="39" t="s">
        <v>223</v>
      </c>
      <c r="F26" s="40"/>
      <c r="G26" s="100" t="s">
        <v>48</v>
      </c>
      <c r="H26" s="100" t="s">
        <v>169</v>
      </c>
      <c r="I26" s="107" t="s">
        <v>45</v>
      </c>
    </row>
    <row r="27" spans="2:9" ht="65.099999999999994" customHeight="1" x14ac:dyDescent="0.2">
      <c r="B27" s="14"/>
      <c r="C27" s="61"/>
      <c r="D27" s="64"/>
      <c r="E27" s="67" t="s">
        <v>155</v>
      </c>
      <c r="F27" s="68"/>
      <c r="G27" s="102"/>
      <c r="H27" s="102"/>
      <c r="I27" s="108"/>
    </row>
    <row r="28" spans="2:9" ht="24" customHeight="1" x14ac:dyDescent="0.2">
      <c r="B28" s="14"/>
      <c r="C28" s="61"/>
      <c r="D28" s="63" t="s">
        <v>77</v>
      </c>
      <c r="E28" s="39" t="s">
        <v>223</v>
      </c>
      <c r="F28" s="40"/>
      <c r="G28" s="112" t="s">
        <v>30</v>
      </c>
      <c r="H28" s="112" t="s">
        <v>170</v>
      </c>
      <c r="I28" s="109" t="s">
        <v>46</v>
      </c>
    </row>
    <row r="29" spans="2:9" ht="65.099999999999994" customHeight="1" x14ac:dyDescent="0.2">
      <c r="B29" s="14"/>
      <c r="C29" s="61"/>
      <c r="D29" s="64"/>
      <c r="E29" s="65" t="s">
        <v>51</v>
      </c>
      <c r="F29" s="66"/>
      <c r="G29" s="114"/>
      <c r="H29" s="114"/>
      <c r="I29" s="111"/>
    </row>
    <row r="30" spans="2:9" ht="24" customHeight="1" x14ac:dyDescent="0.2">
      <c r="B30" s="14"/>
      <c r="C30" s="61"/>
      <c r="D30" s="63" t="s">
        <v>78</v>
      </c>
      <c r="E30" s="39" t="s">
        <v>222</v>
      </c>
      <c r="F30" s="40"/>
      <c r="G30" s="100" t="s">
        <v>48</v>
      </c>
      <c r="H30" s="100" t="s">
        <v>169</v>
      </c>
      <c r="I30" s="107" t="s">
        <v>45</v>
      </c>
    </row>
    <row r="31" spans="2:9" ht="65.099999999999994" customHeight="1" x14ac:dyDescent="0.2">
      <c r="B31" s="14"/>
      <c r="C31" s="61"/>
      <c r="D31" s="64"/>
      <c r="E31" s="67" t="s">
        <v>50</v>
      </c>
      <c r="F31" s="68"/>
      <c r="G31" s="102"/>
      <c r="H31" s="102"/>
      <c r="I31" s="108"/>
    </row>
    <row r="32" spans="2:9" ht="24" customHeight="1" x14ac:dyDescent="0.2">
      <c r="B32" s="14"/>
      <c r="C32" s="61"/>
      <c r="D32" s="63" t="s">
        <v>78</v>
      </c>
      <c r="E32" s="39" t="s">
        <v>222</v>
      </c>
      <c r="F32" s="40"/>
      <c r="G32" s="112" t="s">
        <v>30</v>
      </c>
      <c r="H32" s="112" t="s">
        <v>170</v>
      </c>
      <c r="I32" s="109" t="s">
        <v>46</v>
      </c>
    </row>
    <row r="33" spans="2:9" ht="65.099999999999994" customHeight="1" x14ac:dyDescent="0.2">
      <c r="B33" s="14"/>
      <c r="C33" s="61"/>
      <c r="D33" s="64"/>
      <c r="E33" s="65" t="s">
        <v>51</v>
      </c>
      <c r="F33" s="66"/>
      <c r="G33" s="114"/>
      <c r="H33" s="114"/>
      <c r="I33" s="111"/>
    </row>
    <row r="34" spans="2:9" ht="24" customHeight="1" x14ac:dyDescent="0.2">
      <c r="B34" s="14"/>
      <c r="C34" s="61"/>
      <c r="D34" s="63" t="s">
        <v>79</v>
      </c>
      <c r="E34" s="39" t="s">
        <v>221</v>
      </c>
      <c r="F34" s="40"/>
      <c r="G34" s="112" t="s">
        <v>30</v>
      </c>
      <c r="H34" s="112" t="s">
        <v>171</v>
      </c>
      <c r="I34" s="109" t="s">
        <v>47</v>
      </c>
    </row>
    <row r="35" spans="2:9" ht="65.099999999999994" customHeight="1" x14ac:dyDescent="0.2">
      <c r="B35" s="14"/>
      <c r="C35" s="61"/>
      <c r="D35" s="64"/>
      <c r="E35" s="65" t="s">
        <v>49</v>
      </c>
      <c r="F35" s="66"/>
      <c r="G35" s="114"/>
      <c r="H35" s="114"/>
      <c r="I35" s="111"/>
    </row>
    <row r="36" spans="2:9" ht="24" customHeight="1" x14ac:dyDescent="0.2">
      <c r="B36" s="14"/>
      <c r="C36" s="61"/>
      <c r="D36" s="63" t="s">
        <v>80</v>
      </c>
      <c r="E36" s="39" t="s">
        <v>220</v>
      </c>
      <c r="F36" s="40"/>
      <c r="G36" s="112" t="s">
        <v>30</v>
      </c>
      <c r="H36" s="112" t="s">
        <v>171</v>
      </c>
      <c r="I36" s="109" t="s">
        <v>47</v>
      </c>
    </row>
    <row r="37" spans="2:9" ht="65.099999999999994" customHeight="1" x14ac:dyDescent="0.2">
      <c r="B37" s="27"/>
      <c r="C37" s="62"/>
      <c r="D37" s="64"/>
      <c r="E37" s="65" t="s">
        <v>49</v>
      </c>
      <c r="F37" s="66"/>
      <c r="G37" s="114"/>
      <c r="H37" s="114"/>
      <c r="I37" s="111"/>
    </row>
    <row r="38" spans="2:9" ht="24" customHeight="1" x14ac:dyDescent="0.2">
      <c r="B38" s="14"/>
      <c r="C38" s="49" t="s">
        <v>81</v>
      </c>
      <c r="D38" s="51" t="s">
        <v>82</v>
      </c>
      <c r="E38" s="37" t="s">
        <v>219</v>
      </c>
      <c r="F38" s="38"/>
      <c r="G38" s="100" t="s">
        <v>25</v>
      </c>
      <c r="H38" s="81" t="s">
        <v>172</v>
      </c>
      <c r="I38" s="104" t="s">
        <v>17</v>
      </c>
    </row>
    <row r="39" spans="2:9" ht="81.150000000000006" customHeight="1" x14ac:dyDescent="0.2">
      <c r="B39" s="14"/>
      <c r="C39" s="50"/>
      <c r="D39" s="52"/>
      <c r="E39" s="55" t="s">
        <v>21</v>
      </c>
      <c r="F39" s="59"/>
      <c r="G39" s="102"/>
      <c r="H39" s="82"/>
      <c r="I39" s="105"/>
    </row>
    <row r="40" spans="2:9" ht="24" customHeight="1" x14ac:dyDescent="0.2">
      <c r="B40" s="14"/>
      <c r="C40" s="49" t="s">
        <v>81</v>
      </c>
      <c r="D40" s="51" t="s">
        <v>82</v>
      </c>
      <c r="E40" s="37" t="s">
        <v>219</v>
      </c>
      <c r="F40" s="38"/>
      <c r="G40" s="83" t="s">
        <v>67</v>
      </c>
      <c r="H40" s="81" t="s">
        <v>168</v>
      </c>
      <c r="I40" s="104" t="s">
        <v>6</v>
      </c>
    </row>
    <row r="41" spans="2:9" ht="97.5" customHeight="1" x14ac:dyDescent="0.2">
      <c r="B41" s="14"/>
      <c r="C41" s="50"/>
      <c r="D41" s="52"/>
      <c r="E41" s="55" t="s">
        <v>23</v>
      </c>
      <c r="F41" s="59"/>
      <c r="G41" s="84"/>
      <c r="H41" s="82"/>
      <c r="I41" s="105"/>
    </row>
    <row r="42" spans="2:9" ht="24" customHeight="1" x14ac:dyDescent="0.2">
      <c r="B42" s="14"/>
      <c r="C42" s="49" t="s">
        <v>83</v>
      </c>
      <c r="D42" s="51" t="s">
        <v>84</v>
      </c>
      <c r="E42" s="37" t="s">
        <v>218</v>
      </c>
      <c r="F42" s="38"/>
      <c r="G42" s="100" t="s">
        <v>25</v>
      </c>
      <c r="H42" s="81" t="s">
        <v>172</v>
      </c>
      <c r="I42" s="104" t="s">
        <v>17</v>
      </c>
    </row>
    <row r="43" spans="2:9" ht="81" customHeight="1" x14ac:dyDescent="0.2">
      <c r="B43" s="14"/>
      <c r="C43" s="50"/>
      <c r="D43" s="52"/>
      <c r="E43" s="55" t="s">
        <v>21</v>
      </c>
      <c r="F43" s="59"/>
      <c r="G43" s="102"/>
      <c r="H43" s="82"/>
      <c r="I43" s="105"/>
    </row>
    <row r="44" spans="2:9" ht="24" customHeight="1" x14ac:dyDescent="0.2">
      <c r="B44" s="14"/>
      <c r="C44" s="49" t="s">
        <v>83</v>
      </c>
      <c r="D44" s="51" t="s">
        <v>84</v>
      </c>
      <c r="E44" s="37" t="s">
        <v>218</v>
      </c>
      <c r="F44" s="38"/>
      <c r="G44" s="83" t="s">
        <v>67</v>
      </c>
      <c r="H44" s="81" t="s">
        <v>68</v>
      </c>
      <c r="I44" s="104" t="s">
        <v>6</v>
      </c>
    </row>
    <row r="45" spans="2:9" ht="97.5" customHeight="1" x14ac:dyDescent="0.2">
      <c r="B45" s="14"/>
      <c r="C45" s="50"/>
      <c r="D45" s="52"/>
      <c r="E45" s="55" t="s">
        <v>23</v>
      </c>
      <c r="F45" s="59"/>
      <c r="G45" s="84"/>
      <c r="H45" s="82"/>
      <c r="I45" s="105"/>
    </row>
    <row r="46" spans="2:9" ht="24" customHeight="1" x14ac:dyDescent="0.2">
      <c r="B46" s="14"/>
      <c r="C46" s="49" t="s">
        <v>85</v>
      </c>
      <c r="D46" s="51" t="s">
        <v>86</v>
      </c>
      <c r="E46" s="37" t="s">
        <v>217</v>
      </c>
      <c r="F46" s="38"/>
      <c r="G46" s="100" t="s">
        <v>25</v>
      </c>
      <c r="H46" s="81" t="s">
        <v>172</v>
      </c>
      <c r="I46" s="104" t="s">
        <v>17</v>
      </c>
    </row>
    <row r="47" spans="2:9" ht="81" customHeight="1" x14ac:dyDescent="0.2">
      <c r="B47" s="14"/>
      <c r="C47" s="50"/>
      <c r="D47" s="52"/>
      <c r="E47" s="55" t="s">
        <v>21</v>
      </c>
      <c r="F47" s="59"/>
      <c r="G47" s="102"/>
      <c r="H47" s="82"/>
      <c r="I47" s="105"/>
    </row>
    <row r="48" spans="2:9" ht="24" customHeight="1" x14ac:dyDescent="0.2">
      <c r="B48" s="14"/>
      <c r="C48" s="49" t="s">
        <v>80</v>
      </c>
      <c r="D48" s="51" t="s">
        <v>87</v>
      </c>
      <c r="E48" s="37" t="s">
        <v>216</v>
      </c>
      <c r="F48" s="38"/>
      <c r="G48" s="83" t="s">
        <v>67</v>
      </c>
      <c r="H48" s="81" t="s">
        <v>168</v>
      </c>
      <c r="I48" s="104" t="s">
        <v>6</v>
      </c>
    </row>
    <row r="49" spans="2:9" ht="97.5" customHeight="1" x14ac:dyDescent="0.2">
      <c r="B49" s="14"/>
      <c r="C49" s="50"/>
      <c r="D49" s="52"/>
      <c r="E49" s="55" t="s">
        <v>24</v>
      </c>
      <c r="F49" s="59"/>
      <c r="G49" s="84"/>
      <c r="H49" s="82"/>
      <c r="I49" s="105"/>
    </row>
    <row r="50" spans="2:9" ht="24" customHeight="1" x14ac:dyDescent="0.2">
      <c r="B50" s="22"/>
      <c r="C50" s="28" t="s">
        <v>88</v>
      </c>
      <c r="D50" s="29"/>
      <c r="E50" s="30"/>
      <c r="F50" s="29"/>
      <c r="G50" s="15"/>
      <c r="H50" s="29"/>
      <c r="I50" s="31"/>
    </row>
    <row r="51" spans="2:9" ht="24" customHeight="1" x14ac:dyDescent="0.2">
      <c r="B51" s="14"/>
      <c r="C51" s="49" t="s">
        <v>89</v>
      </c>
      <c r="D51" s="51" t="s">
        <v>90</v>
      </c>
      <c r="E51" s="37" t="s">
        <v>215</v>
      </c>
      <c r="F51" s="38"/>
      <c r="G51" s="100" t="s">
        <v>15</v>
      </c>
      <c r="H51" s="81" t="s">
        <v>166</v>
      </c>
      <c r="I51" s="51" t="s">
        <v>5</v>
      </c>
    </row>
    <row r="52" spans="2:9" ht="65.099999999999994" customHeight="1" x14ac:dyDescent="0.2">
      <c r="B52" s="14"/>
      <c r="C52" s="50"/>
      <c r="D52" s="52"/>
      <c r="E52" s="53" t="s">
        <v>21</v>
      </c>
      <c r="F52" s="54"/>
      <c r="G52" s="102"/>
      <c r="H52" s="82"/>
      <c r="I52" s="52"/>
    </row>
    <row r="53" spans="2:9" ht="24" customHeight="1" x14ac:dyDescent="0.2">
      <c r="B53" s="14"/>
      <c r="C53" s="49" t="s">
        <v>89</v>
      </c>
      <c r="D53" s="51" t="s">
        <v>90</v>
      </c>
      <c r="E53" s="37" t="s">
        <v>215</v>
      </c>
      <c r="F53" s="38"/>
      <c r="G53" s="83" t="s">
        <v>67</v>
      </c>
      <c r="H53" s="81" t="s">
        <v>168</v>
      </c>
      <c r="I53" s="51" t="s">
        <v>6</v>
      </c>
    </row>
    <row r="54" spans="2:9" ht="97.5" customHeight="1" x14ac:dyDescent="0.2">
      <c r="B54" s="14"/>
      <c r="C54" s="50"/>
      <c r="D54" s="52"/>
      <c r="E54" s="55" t="s">
        <v>56</v>
      </c>
      <c r="F54" s="59"/>
      <c r="G54" s="84"/>
      <c r="H54" s="82"/>
      <c r="I54" s="52"/>
    </row>
    <row r="55" spans="2:9" ht="24" customHeight="1" x14ac:dyDescent="0.2">
      <c r="B55" s="14"/>
      <c r="C55" s="49" t="s">
        <v>86</v>
      </c>
      <c r="D55" s="51" t="s">
        <v>91</v>
      </c>
      <c r="E55" s="37" t="s">
        <v>214</v>
      </c>
      <c r="F55" s="38"/>
      <c r="G55" s="83" t="s">
        <v>67</v>
      </c>
      <c r="H55" s="81" t="s">
        <v>168</v>
      </c>
      <c r="I55" s="51" t="s">
        <v>6</v>
      </c>
    </row>
    <row r="56" spans="2:9" ht="97.5" customHeight="1" x14ac:dyDescent="0.2">
      <c r="B56" s="14"/>
      <c r="C56" s="50"/>
      <c r="D56" s="52"/>
      <c r="E56" s="55" t="s">
        <v>26</v>
      </c>
      <c r="F56" s="59"/>
      <c r="G56" s="84"/>
      <c r="H56" s="82"/>
      <c r="I56" s="52"/>
    </row>
    <row r="57" spans="2:9" ht="24" customHeight="1" x14ac:dyDescent="0.2">
      <c r="B57" s="22"/>
      <c r="C57" s="28" t="s">
        <v>92</v>
      </c>
      <c r="D57" s="29"/>
      <c r="E57" s="30"/>
      <c r="F57" s="29"/>
      <c r="G57" s="15"/>
      <c r="H57" s="29"/>
      <c r="I57" s="31"/>
    </row>
    <row r="58" spans="2:9" ht="24" customHeight="1" x14ac:dyDescent="0.2">
      <c r="B58" s="14"/>
      <c r="C58" s="49" t="s">
        <v>93</v>
      </c>
      <c r="D58" s="51" t="s">
        <v>94</v>
      </c>
      <c r="E58" s="37" t="s">
        <v>213</v>
      </c>
      <c r="F58" s="38"/>
      <c r="G58" s="100" t="s">
        <v>30</v>
      </c>
      <c r="H58" s="100" t="s">
        <v>173</v>
      </c>
      <c r="I58" s="51" t="s">
        <v>13</v>
      </c>
    </row>
    <row r="59" spans="2:9" ht="97.5" customHeight="1" x14ac:dyDescent="0.2">
      <c r="B59" s="14"/>
      <c r="C59" s="50"/>
      <c r="D59" s="52"/>
      <c r="E59" s="55" t="s">
        <v>150</v>
      </c>
      <c r="F59" s="59"/>
      <c r="G59" s="102"/>
      <c r="H59" s="102"/>
      <c r="I59" s="52"/>
    </row>
    <row r="60" spans="2:9" ht="24" customHeight="1" x14ac:dyDescent="0.2">
      <c r="B60" s="14"/>
      <c r="C60" s="49" t="s">
        <v>87</v>
      </c>
      <c r="D60" s="51" t="s">
        <v>95</v>
      </c>
      <c r="E60" s="37" t="s">
        <v>212</v>
      </c>
      <c r="F60" s="38"/>
      <c r="G60" s="100" t="s">
        <v>30</v>
      </c>
      <c r="H60" s="100" t="s">
        <v>173</v>
      </c>
      <c r="I60" s="51" t="s">
        <v>13</v>
      </c>
    </row>
    <row r="61" spans="2:9" ht="65.099999999999994" customHeight="1" x14ac:dyDescent="0.2">
      <c r="B61" s="14"/>
      <c r="C61" s="50"/>
      <c r="D61" s="52"/>
      <c r="E61" s="55" t="s">
        <v>149</v>
      </c>
      <c r="F61" s="59"/>
      <c r="G61" s="102"/>
      <c r="H61" s="102"/>
      <c r="I61" s="52"/>
    </row>
    <row r="62" spans="2:9" ht="24" customHeight="1" x14ac:dyDescent="0.2">
      <c r="B62" s="14"/>
      <c r="C62" s="49" t="s">
        <v>96</v>
      </c>
      <c r="D62" s="51" t="s">
        <v>97</v>
      </c>
      <c r="E62" s="37" t="s">
        <v>211</v>
      </c>
      <c r="F62" s="38"/>
      <c r="G62" s="100" t="s">
        <v>30</v>
      </c>
      <c r="H62" s="100" t="s">
        <v>173</v>
      </c>
      <c r="I62" s="51" t="s">
        <v>13</v>
      </c>
    </row>
    <row r="63" spans="2:9" ht="65.099999999999994" customHeight="1" x14ac:dyDescent="0.2">
      <c r="B63" s="14"/>
      <c r="C63" s="50"/>
      <c r="D63" s="52"/>
      <c r="E63" s="55" t="s">
        <v>57</v>
      </c>
      <c r="F63" s="59"/>
      <c r="G63" s="102"/>
      <c r="H63" s="102"/>
      <c r="I63" s="52"/>
    </row>
    <row r="64" spans="2:9" ht="24" customHeight="1" x14ac:dyDescent="0.2">
      <c r="B64" s="14"/>
      <c r="C64" s="49" t="s">
        <v>91</v>
      </c>
      <c r="D64" s="51" t="s">
        <v>98</v>
      </c>
      <c r="E64" s="37" t="s">
        <v>210</v>
      </c>
      <c r="F64" s="38"/>
      <c r="G64" s="100" t="s">
        <v>30</v>
      </c>
      <c r="H64" s="100" t="s">
        <v>173</v>
      </c>
      <c r="I64" s="51" t="s">
        <v>13</v>
      </c>
    </row>
    <row r="65" spans="2:9" ht="65.099999999999994" customHeight="1" x14ac:dyDescent="0.2">
      <c r="B65" s="14"/>
      <c r="C65" s="50"/>
      <c r="D65" s="52"/>
      <c r="E65" s="55" t="s">
        <v>29</v>
      </c>
      <c r="F65" s="59"/>
      <c r="G65" s="102"/>
      <c r="H65" s="102"/>
      <c r="I65" s="52"/>
    </row>
    <row r="66" spans="2:9" ht="24" customHeight="1" x14ac:dyDescent="0.2">
      <c r="B66" s="14"/>
      <c r="C66" s="49" t="s">
        <v>95</v>
      </c>
      <c r="D66" s="51" t="s">
        <v>99</v>
      </c>
      <c r="E66" s="37" t="s">
        <v>209</v>
      </c>
      <c r="F66" s="38"/>
      <c r="G66" s="100" t="s">
        <v>30</v>
      </c>
      <c r="H66" s="100" t="s">
        <v>173</v>
      </c>
      <c r="I66" s="51" t="s">
        <v>13</v>
      </c>
    </row>
    <row r="67" spans="2:9" ht="65.099999999999994" customHeight="1" x14ac:dyDescent="0.2">
      <c r="B67" s="27"/>
      <c r="C67" s="50"/>
      <c r="D67" s="52"/>
      <c r="E67" s="55" t="s">
        <v>29</v>
      </c>
      <c r="F67" s="59"/>
      <c r="G67" s="102"/>
      <c r="H67" s="102"/>
      <c r="I67" s="52"/>
    </row>
    <row r="68" spans="2:9" ht="24" customHeight="1" x14ac:dyDescent="0.2">
      <c r="B68" s="22"/>
      <c r="C68" s="23" t="s">
        <v>100</v>
      </c>
      <c r="D68" s="24"/>
      <c r="E68" s="25"/>
      <c r="F68" s="24"/>
      <c r="G68" s="15"/>
      <c r="H68" s="24"/>
      <c r="I68" s="26"/>
    </row>
    <row r="69" spans="2:9" ht="24" customHeight="1" x14ac:dyDescent="0.2">
      <c r="B69" s="14"/>
      <c r="C69" s="57" t="s">
        <v>101</v>
      </c>
      <c r="D69" s="51" t="s">
        <v>102</v>
      </c>
      <c r="E69" s="37" t="s">
        <v>208</v>
      </c>
      <c r="F69" s="38"/>
      <c r="G69" s="100" t="s">
        <v>15</v>
      </c>
      <c r="H69" s="81" t="s">
        <v>166</v>
      </c>
      <c r="I69" s="51" t="s">
        <v>5</v>
      </c>
    </row>
    <row r="70" spans="2:9" ht="65.099999999999994" customHeight="1" x14ac:dyDescent="0.2">
      <c r="B70" s="14"/>
      <c r="C70" s="58"/>
      <c r="D70" s="52"/>
      <c r="E70" s="53" t="s">
        <v>21</v>
      </c>
      <c r="F70" s="54"/>
      <c r="G70" s="102"/>
      <c r="H70" s="82"/>
      <c r="I70" s="52"/>
    </row>
    <row r="71" spans="2:9" ht="24" customHeight="1" x14ac:dyDescent="0.2">
      <c r="B71" s="14"/>
      <c r="C71" s="49" t="s">
        <v>101</v>
      </c>
      <c r="D71" s="51" t="s">
        <v>102</v>
      </c>
      <c r="E71" s="37" t="s">
        <v>208</v>
      </c>
      <c r="F71" s="38"/>
      <c r="G71" s="100" t="s">
        <v>30</v>
      </c>
      <c r="H71" s="100" t="s">
        <v>174</v>
      </c>
      <c r="I71" s="49" t="s">
        <v>14</v>
      </c>
    </row>
    <row r="72" spans="2:9" ht="65.099999999999994" customHeight="1" x14ac:dyDescent="0.2">
      <c r="B72" s="14"/>
      <c r="C72" s="50"/>
      <c r="D72" s="52"/>
      <c r="E72" s="69" t="s">
        <v>31</v>
      </c>
      <c r="F72" s="70"/>
      <c r="G72" s="102"/>
      <c r="H72" s="102"/>
      <c r="I72" s="50"/>
    </row>
    <row r="73" spans="2:9" ht="24" customHeight="1" x14ac:dyDescent="0.2">
      <c r="B73" s="14"/>
      <c r="C73" s="49" t="s">
        <v>98</v>
      </c>
      <c r="D73" s="51" t="s">
        <v>103</v>
      </c>
      <c r="E73" s="37" t="s">
        <v>207</v>
      </c>
      <c r="F73" s="38"/>
      <c r="G73" s="100" t="s">
        <v>15</v>
      </c>
      <c r="H73" s="81" t="s">
        <v>166</v>
      </c>
      <c r="I73" s="51" t="s">
        <v>5</v>
      </c>
    </row>
    <row r="74" spans="2:9" ht="65.099999999999994" customHeight="1" x14ac:dyDescent="0.2">
      <c r="B74" s="14"/>
      <c r="C74" s="50"/>
      <c r="D74" s="52"/>
      <c r="E74" s="53" t="s">
        <v>21</v>
      </c>
      <c r="F74" s="54"/>
      <c r="G74" s="102"/>
      <c r="H74" s="82"/>
      <c r="I74" s="52"/>
    </row>
    <row r="75" spans="2:9" ht="24" customHeight="1" x14ac:dyDescent="0.2">
      <c r="B75" s="14"/>
      <c r="C75" s="49" t="s">
        <v>98</v>
      </c>
      <c r="D75" s="51" t="s">
        <v>103</v>
      </c>
      <c r="E75" s="37" t="s">
        <v>207</v>
      </c>
      <c r="F75" s="38"/>
      <c r="G75" s="100" t="s">
        <v>30</v>
      </c>
      <c r="H75" s="100" t="s">
        <v>174</v>
      </c>
      <c r="I75" s="49" t="s">
        <v>14</v>
      </c>
    </row>
    <row r="76" spans="2:9" ht="65.099999999999994" customHeight="1" x14ac:dyDescent="0.2">
      <c r="B76" s="14"/>
      <c r="C76" s="50"/>
      <c r="D76" s="52"/>
      <c r="E76" s="69" t="s">
        <v>52</v>
      </c>
      <c r="F76" s="70"/>
      <c r="G76" s="102"/>
      <c r="H76" s="102"/>
      <c r="I76" s="50"/>
    </row>
    <row r="77" spans="2:9" ht="24" customHeight="1" x14ac:dyDescent="0.2">
      <c r="B77" s="14"/>
      <c r="C77" s="49" t="s">
        <v>104</v>
      </c>
      <c r="D77" s="51" t="s">
        <v>105</v>
      </c>
      <c r="E77" s="37" t="s">
        <v>206</v>
      </c>
      <c r="F77" s="38"/>
      <c r="G77" s="100" t="s">
        <v>30</v>
      </c>
      <c r="H77" s="100" t="s">
        <v>174</v>
      </c>
      <c r="I77" s="49" t="s">
        <v>14</v>
      </c>
    </row>
    <row r="78" spans="2:9" ht="64.5" customHeight="1" x14ac:dyDescent="0.2">
      <c r="B78" s="14"/>
      <c r="C78" s="50"/>
      <c r="D78" s="52"/>
      <c r="E78" s="69" t="s">
        <v>58</v>
      </c>
      <c r="F78" s="70"/>
      <c r="G78" s="102"/>
      <c r="H78" s="102"/>
      <c r="I78" s="50"/>
    </row>
    <row r="79" spans="2:9" ht="24" customHeight="1" x14ac:dyDescent="0.2">
      <c r="B79" s="14"/>
      <c r="C79" s="49" t="s">
        <v>106</v>
      </c>
      <c r="D79" s="51" t="s">
        <v>107</v>
      </c>
      <c r="E79" s="37" t="s">
        <v>205</v>
      </c>
      <c r="F79" s="38"/>
      <c r="G79" s="100" t="s">
        <v>30</v>
      </c>
      <c r="H79" s="100" t="s">
        <v>174</v>
      </c>
      <c r="I79" s="49" t="s">
        <v>14</v>
      </c>
    </row>
    <row r="80" spans="2:9" ht="65.099999999999994" customHeight="1" x14ac:dyDescent="0.2">
      <c r="B80" s="14"/>
      <c r="C80" s="50"/>
      <c r="D80" s="52"/>
      <c r="E80" s="69" t="s">
        <v>58</v>
      </c>
      <c r="F80" s="70"/>
      <c r="G80" s="102"/>
      <c r="H80" s="102"/>
      <c r="I80" s="50"/>
    </row>
    <row r="81" spans="2:9" ht="24" customHeight="1" x14ac:dyDescent="0.2">
      <c r="B81" s="14"/>
      <c r="C81" s="49" t="s">
        <v>108</v>
      </c>
      <c r="D81" s="51" t="s">
        <v>109</v>
      </c>
      <c r="E81" s="37" t="s">
        <v>204</v>
      </c>
      <c r="F81" s="38"/>
      <c r="G81" s="100" t="s">
        <v>30</v>
      </c>
      <c r="H81" s="100" t="s">
        <v>174</v>
      </c>
      <c r="I81" s="49" t="s">
        <v>14</v>
      </c>
    </row>
    <row r="82" spans="2:9" ht="65.099999999999994" customHeight="1" x14ac:dyDescent="0.2">
      <c r="B82" s="14"/>
      <c r="C82" s="50"/>
      <c r="D82" s="52"/>
      <c r="E82" s="69" t="s">
        <v>32</v>
      </c>
      <c r="F82" s="70"/>
      <c r="G82" s="102"/>
      <c r="H82" s="102"/>
      <c r="I82" s="50"/>
    </row>
    <row r="83" spans="2:9" ht="24" customHeight="1" x14ac:dyDescent="0.2">
      <c r="B83" s="14"/>
      <c r="C83" s="49" t="s">
        <v>99</v>
      </c>
      <c r="D83" s="51" t="s">
        <v>110</v>
      </c>
      <c r="E83" s="37" t="s">
        <v>204</v>
      </c>
      <c r="F83" s="38"/>
      <c r="G83" s="100" t="s">
        <v>30</v>
      </c>
      <c r="H83" s="100" t="s">
        <v>174</v>
      </c>
      <c r="I83" s="49" t="s">
        <v>14</v>
      </c>
    </row>
    <row r="84" spans="2:9" ht="65.099999999999994" customHeight="1" x14ac:dyDescent="0.2">
      <c r="B84" s="14"/>
      <c r="C84" s="50"/>
      <c r="D84" s="52"/>
      <c r="E84" s="69" t="s">
        <v>33</v>
      </c>
      <c r="F84" s="70"/>
      <c r="G84" s="102"/>
      <c r="H84" s="102"/>
      <c r="I84" s="50"/>
    </row>
    <row r="85" spans="2:9" ht="24" customHeight="1" x14ac:dyDescent="0.2">
      <c r="B85" s="14"/>
      <c r="C85" s="60"/>
      <c r="D85" s="63" t="s">
        <v>111</v>
      </c>
      <c r="E85" s="39" t="s">
        <v>203</v>
      </c>
      <c r="F85" s="40"/>
      <c r="G85" s="100" t="s">
        <v>48</v>
      </c>
      <c r="H85" s="100" t="s">
        <v>175</v>
      </c>
      <c r="I85" s="107" t="s">
        <v>45</v>
      </c>
    </row>
    <row r="86" spans="2:9" ht="65.099999999999994" customHeight="1" x14ac:dyDescent="0.2">
      <c r="B86" s="14"/>
      <c r="C86" s="61"/>
      <c r="D86" s="64"/>
      <c r="E86" s="67" t="s">
        <v>44</v>
      </c>
      <c r="F86" s="68"/>
      <c r="G86" s="102"/>
      <c r="H86" s="102"/>
      <c r="I86" s="108"/>
    </row>
    <row r="87" spans="2:9" ht="24" customHeight="1" x14ac:dyDescent="0.2">
      <c r="B87" s="14"/>
      <c r="C87" s="61"/>
      <c r="D87" s="63" t="s">
        <v>111</v>
      </c>
      <c r="E87" s="39" t="s">
        <v>203</v>
      </c>
      <c r="F87" s="40"/>
      <c r="G87" s="112" t="s">
        <v>30</v>
      </c>
      <c r="H87" s="112" t="s">
        <v>176</v>
      </c>
      <c r="I87" s="109" t="s">
        <v>46</v>
      </c>
    </row>
    <row r="88" spans="2:9" ht="65.099999999999994" customHeight="1" x14ac:dyDescent="0.2">
      <c r="B88" s="14"/>
      <c r="C88" s="61"/>
      <c r="D88" s="64"/>
      <c r="E88" s="65" t="s">
        <v>58</v>
      </c>
      <c r="F88" s="66"/>
      <c r="G88" s="113"/>
      <c r="H88" s="113"/>
      <c r="I88" s="110"/>
    </row>
    <row r="89" spans="2:9" ht="24" customHeight="1" x14ac:dyDescent="0.2">
      <c r="B89" s="14"/>
      <c r="C89" s="61"/>
      <c r="D89" s="63" t="s">
        <v>111</v>
      </c>
      <c r="E89" s="39" t="s">
        <v>203</v>
      </c>
      <c r="F89" s="40"/>
      <c r="G89" s="113"/>
      <c r="H89" s="113"/>
      <c r="I89" s="110"/>
    </row>
    <row r="90" spans="2:9" ht="65.099999999999994" customHeight="1" x14ac:dyDescent="0.2">
      <c r="B90" s="14"/>
      <c r="C90" s="61"/>
      <c r="D90" s="64"/>
      <c r="E90" s="65" t="s">
        <v>53</v>
      </c>
      <c r="F90" s="66"/>
      <c r="G90" s="114"/>
      <c r="H90" s="114"/>
      <c r="I90" s="111"/>
    </row>
    <row r="91" spans="2:9" ht="24" customHeight="1" x14ac:dyDescent="0.2">
      <c r="B91" s="14"/>
      <c r="C91" s="61"/>
      <c r="D91" s="63" t="s">
        <v>112</v>
      </c>
      <c r="E91" s="39" t="s">
        <v>202</v>
      </c>
      <c r="F91" s="40"/>
      <c r="G91" s="100" t="s">
        <v>48</v>
      </c>
      <c r="H91" s="100" t="s">
        <v>175</v>
      </c>
      <c r="I91" s="107" t="s">
        <v>45</v>
      </c>
    </row>
    <row r="92" spans="2:9" ht="65.099999999999994" customHeight="1" x14ac:dyDescent="0.2">
      <c r="B92" s="14"/>
      <c r="C92" s="61"/>
      <c r="D92" s="64"/>
      <c r="E92" s="67" t="s">
        <v>44</v>
      </c>
      <c r="F92" s="68"/>
      <c r="G92" s="102"/>
      <c r="H92" s="102"/>
      <c r="I92" s="108"/>
    </row>
    <row r="93" spans="2:9" ht="24" customHeight="1" x14ac:dyDescent="0.2">
      <c r="B93" s="14"/>
      <c r="C93" s="61"/>
      <c r="D93" s="63" t="s">
        <v>112</v>
      </c>
      <c r="E93" s="39" t="s">
        <v>202</v>
      </c>
      <c r="F93" s="40"/>
      <c r="G93" s="112" t="s">
        <v>30</v>
      </c>
      <c r="H93" s="112" t="s">
        <v>176</v>
      </c>
      <c r="I93" s="109" t="s">
        <v>46</v>
      </c>
    </row>
    <row r="94" spans="2:9" ht="65.099999999999994" customHeight="1" x14ac:dyDescent="0.2">
      <c r="B94" s="14"/>
      <c r="C94" s="62"/>
      <c r="D94" s="64"/>
      <c r="E94" s="65" t="s">
        <v>52</v>
      </c>
      <c r="F94" s="66"/>
      <c r="G94" s="114"/>
      <c r="H94" s="114"/>
      <c r="I94" s="111"/>
    </row>
    <row r="95" spans="2:9" ht="24" customHeight="1" x14ac:dyDescent="0.2">
      <c r="B95" s="22"/>
      <c r="C95" s="32" t="s">
        <v>233</v>
      </c>
      <c r="D95" s="33"/>
      <c r="E95" s="34"/>
      <c r="F95" s="33"/>
      <c r="G95" s="15"/>
      <c r="H95" s="33"/>
      <c r="I95" s="26"/>
    </row>
    <row r="96" spans="2:9" ht="24" customHeight="1" x14ac:dyDescent="0.2">
      <c r="B96" s="14"/>
      <c r="C96" s="60"/>
      <c r="D96" s="71" t="s">
        <v>113</v>
      </c>
      <c r="E96" s="37" t="s">
        <v>201</v>
      </c>
      <c r="F96" s="38"/>
      <c r="G96" s="98" t="s">
        <v>36</v>
      </c>
      <c r="H96" s="100" t="s">
        <v>177</v>
      </c>
      <c r="I96" s="51" t="s">
        <v>9</v>
      </c>
    </row>
    <row r="97" spans="2:9" ht="97.5" customHeight="1" x14ac:dyDescent="0.2">
      <c r="B97" s="35"/>
      <c r="C97" s="62"/>
      <c r="D97" s="72"/>
      <c r="E97" s="53" t="s">
        <v>35</v>
      </c>
      <c r="F97" s="54"/>
      <c r="G97" s="103"/>
      <c r="H97" s="101"/>
      <c r="I97" s="78"/>
    </row>
    <row r="98" spans="2:9" ht="24" customHeight="1" x14ac:dyDescent="0.2">
      <c r="B98" s="14"/>
      <c r="C98" s="49" t="s">
        <v>114</v>
      </c>
      <c r="D98" s="73"/>
      <c r="E98" s="37" t="s">
        <v>200</v>
      </c>
      <c r="F98" s="38"/>
      <c r="G98" s="103"/>
      <c r="H98" s="101"/>
      <c r="I98" s="78"/>
    </row>
    <row r="99" spans="2:9" ht="97.5" customHeight="1" x14ac:dyDescent="0.2">
      <c r="B99" s="27"/>
      <c r="C99" s="50"/>
      <c r="D99" s="74"/>
      <c r="E99" s="53" t="s">
        <v>34</v>
      </c>
      <c r="F99" s="54"/>
      <c r="G99" s="99"/>
      <c r="H99" s="102"/>
      <c r="I99" s="52"/>
    </row>
    <row r="100" spans="2:9" ht="24" customHeight="1" x14ac:dyDescent="0.2">
      <c r="B100" s="8" t="s">
        <v>115</v>
      </c>
      <c r="C100" s="9"/>
      <c r="D100" s="10"/>
      <c r="E100" s="11"/>
      <c r="F100" s="12"/>
      <c r="G100" s="16"/>
      <c r="H100" s="10"/>
      <c r="I100" s="36"/>
    </row>
    <row r="101" spans="2:9" ht="24" customHeight="1" x14ac:dyDescent="0.2">
      <c r="B101" s="22"/>
      <c r="C101" s="23" t="s">
        <v>116</v>
      </c>
      <c r="D101" s="24"/>
      <c r="E101" s="25"/>
      <c r="F101" s="24"/>
      <c r="G101" s="43"/>
      <c r="H101" s="44"/>
      <c r="I101" s="31"/>
    </row>
    <row r="102" spans="2:9" ht="24" customHeight="1" x14ac:dyDescent="0.2">
      <c r="B102" s="14"/>
      <c r="C102" s="57" t="s">
        <v>117</v>
      </c>
      <c r="D102" s="51" t="s">
        <v>117</v>
      </c>
      <c r="E102" s="37" t="s">
        <v>199</v>
      </c>
      <c r="F102" s="38"/>
      <c r="G102" s="92" t="s">
        <v>16</v>
      </c>
      <c r="H102" s="81" t="s">
        <v>167</v>
      </c>
      <c r="I102" s="51" t="s">
        <v>0</v>
      </c>
    </row>
    <row r="103" spans="2:9" ht="65.099999999999994" customHeight="1" x14ac:dyDescent="0.2">
      <c r="B103" s="14"/>
      <c r="C103" s="58"/>
      <c r="D103" s="52"/>
      <c r="E103" s="55" t="s">
        <v>59</v>
      </c>
      <c r="F103" s="59"/>
      <c r="G103" s="93"/>
      <c r="H103" s="82"/>
      <c r="I103" s="52"/>
    </row>
    <row r="104" spans="2:9" ht="24" customHeight="1" x14ac:dyDescent="0.2">
      <c r="B104" s="14"/>
      <c r="C104" s="49" t="s">
        <v>118</v>
      </c>
      <c r="D104" s="51" t="s">
        <v>118</v>
      </c>
      <c r="E104" s="37" t="s">
        <v>198</v>
      </c>
      <c r="F104" s="38"/>
      <c r="G104" s="92" t="s">
        <v>16</v>
      </c>
      <c r="H104" s="81" t="s">
        <v>167</v>
      </c>
      <c r="I104" s="51" t="s">
        <v>0</v>
      </c>
    </row>
    <row r="105" spans="2:9" ht="65.099999999999994" customHeight="1" x14ac:dyDescent="0.2">
      <c r="B105" s="14"/>
      <c r="C105" s="50"/>
      <c r="D105" s="52"/>
      <c r="E105" s="55" t="s">
        <v>27</v>
      </c>
      <c r="F105" s="59"/>
      <c r="G105" s="93"/>
      <c r="H105" s="82"/>
      <c r="I105" s="52"/>
    </row>
    <row r="106" spans="2:9" ht="24" customHeight="1" x14ac:dyDescent="0.2">
      <c r="B106" s="14"/>
      <c r="C106" s="49" t="s">
        <v>119</v>
      </c>
      <c r="D106" s="51" t="s">
        <v>119</v>
      </c>
      <c r="E106" s="37" t="s">
        <v>197</v>
      </c>
      <c r="F106" s="38"/>
      <c r="G106" s="92" t="s">
        <v>16</v>
      </c>
      <c r="H106" s="81" t="s">
        <v>167</v>
      </c>
      <c r="I106" s="51" t="s">
        <v>0</v>
      </c>
    </row>
    <row r="107" spans="2:9" ht="65.099999999999994" customHeight="1" x14ac:dyDescent="0.2">
      <c r="B107" s="14"/>
      <c r="C107" s="50"/>
      <c r="D107" s="52"/>
      <c r="E107" s="53" t="s">
        <v>28</v>
      </c>
      <c r="F107" s="54"/>
      <c r="G107" s="93"/>
      <c r="H107" s="82"/>
      <c r="I107" s="52"/>
    </row>
    <row r="108" spans="2:9" ht="24" customHeight="1" x14ac:dyDescent="0.2">
      <c r="B108" s="14"/>
      <c r="C108" s="49" t="s">
        <v>120</v>
      </c>
      <c r="D108" s="51" t="s">
        <v>120</v>
      </c>
      <c r="E108" s="37" t="s">
        <v>196</v>
      </c>
      <c r="F108" s="38"/>
      <c r="G108" s="92" t="s">
        <v>16</v>
      </c>
      <c r="H108" s="81" t="s">
        <v>167</v>
      </c>
      <c r="I108" s="51" t="s">
        <v>0</v>
      </c>
    </row>
    <row r="109" spans="2:9" ht="65.099999999999994" customHeight="1" x14ac:dyDescent="0.2">
      <c r="B109" s="14"/>
      <c r="C109" s="50"/>
      <c r="D109" s="52"/>
      <c r="E109" s="53" t="s">
        <v>28</v>
      </c>
      <c r="F109" s="54"/>
      <c r="G109" s="93"/>
      <c r="H109" s="82"/>
      <c r="I109" s="52"/>
    </row>
    <row r="110" spans="2:9" ht="24" customHeight="1" x14ac:dyDescent="0.2">
      <c r="B110" s="22"/>
      <c r="C110" s="23" t="s">
        <v>121</v>
      </c>
      <c r="D110" s="24"/>
      <c r="E110" s="25"/>
      <c r="F110" s="24"/>
      <c r="G110" s="15"/>
      <c r="H110" s="24"/>
      <c r="I110" s="26"/>
    </row>
    <row r="111" spans="2:9" ht="24" customHeight="1" x14ac:dyDescent="0.2">
      <c r="B111" s="14"/>
      <c r="C111" s="57" t="s">
        <v>122</v>
      </c>
      <c r="D111" s="51" t="s">
        <v>122</v>
      </c>
      <c r="E111" s="37" t="s">
        <v>195</v>
      </c>
      <c r="F111" s="38"/>
      <c r="G111" s="100" t="s">
        <v>38</v>
      </c>
      <c r="H111" s="100" t="s">
        <v>178</v>
      </c>
      <c r="I111" s="51" t="s">
        <v>1</v>
      </c>
    </row>
    <row r="112" spans="2:9" ht="65.099999999999994" customHeight="1" x14ac:dyDescent="0.2">
      <c r="B112" s="14"/>
      <c r="C112" s="58"/>
      <c r="D112" s="52"/>
      <c r="E112" s="53" t="s">
        <v>37</v>
      </c>
      <c r="F112" s="54"/>
      <c r="G112" s="102"/>
      <c r="H112" s="102"/>
      <c r="I112" s="52"/>
    </row>
    <row r="113" spans="2:9" ht="24" customHeight="1" x14ac:dyDescent="0.2">
      <c r="B113" s="14"/>
      <c r="C113" s="49" t="s">
        <v>123</v>
      </c>
      <c r="D113" s="51" t="s">
        <v>123</v>
      </c>
      <c r="E113" s="37" t="s">
        <v>194</v>
      </c>
      <c r="F113" s="38"/>
      <c r="G113" s="100" t="s">
        <v>38</v>
      </c>
      <c r="H113" s="100" t="s">
        <v>178</v>
      </c>
      <c r="I113" s="51" t="s">
        <v>1</v>
      </c>
    </row>
    <row r="114" spans="2:9" ht="65.099999999999994" customHeight="1" x14ac:dyDescent="0.2">
      <c r="B114" s="14"/>
      <c r="C114" s="50"/>
      <c r="D114" s="52"/>
      <c r="E114" s="55" t="s">
        <v>39</v>
      </c>
      <c r="F114" s="59"/>
      <c r="G114" s="102"/>
      <c r="H114" s="102"/>
      <c r="I114" s="52"/>
    </row>
    <row r="115" spans="2:9" ht="24" customHeight="1" x14ac:dyDescent="0.2">
      <c r="B115" s="14"/>
      <c r="C115" s="49" t="s">
        <v>124</v>
      </c>
      <c r="D115" s="51" t="s">
        <v>124</v>
      </c>
      <c r="E115" s="37" t="s">
        <v>193</v>
      </c>
      <c r="F115" s="38"/>
      <c r="G115" s="100" t="s">
        <v>38</v>
      </c>
      <c r="H115" s="100" t="s">
        <v>178</v>
      </c>
      <c r="I115" s="51" t="s">
        <v>1</v>
      </c>
    </row>
    <row r="116" spans="2:9" ht="65.099999999999994" customHeight="1" x14ac:dyDescent="0.2">
      <c r="B116" s="14"/>
      <c r="C116" s="50"/>
      <c r="D116" s="52"/>
      <c r="E116" s="55" t="s">
        <v>39</v>
      </c>
      <c r="F116" s="59"/>
      <c r="G116" s="102"/>
      <c r="H116" s="102"/>
      <c r="I116" s="52"/>
    </row>
    <row r="117" spans="2:9" ht="24" customHeight="1" x14ac:dyDescent="0.2">
      <c r="B117" s="22"/>
      <c r="C117" s="23" t="s">
        <v>125</v>
      </c>
      <c r="D117" s="24"/>
      <c r="E117" s="25"/>
      <c r="F117" s="24"/>
      <c r="G117" s="15"/>
      <c r="H117" s="24"/>
      <c r="I117" s="26"/>
    </row>
    <row r="118" spans="2:9" ht="24" customHeight="1" x14ac:dyDescent="0.2">
      <c r="B118" s="14"/>
      <c r="C118" s="57" t="s">
        <v>126</v>
      </c>
      <c r="D118" s="51" t="s">
        <v>126</v>
      </c>
      <c r="E118" s="37" t="s">
        <v>192</v>
      </c>
      <c r="F118" s="38"/>
      <c r="G118" s="92" t="s">
        <v>16</v>
      </c>
      <c r="H118" s="81" t="s">
        <v>167</v>
      </c>
      <c r="I118" s="51" t="s">
        <v>3</v>
      </c>
    </row>
    <row r="119" spans="2:9" ht="65.099999999999994" customHeight="1" x14ac:dyDescent="0.2">
      <c r="B119" s="14"/>
      <c r="C119" s="58"/>
      <c r="D119" s="52"/>
      <c r="E119" s="55" t="s">
        <v>27</v>
      </c>
      <c r="F119" s="59"/>
      <c r="G119" s="93"/>
      <c r="H119" s="82"/>
      <c r="I119" s="52"/>
    </row>
    <row r="120" spans="2:9" ht="24" customHeight="1" x14ac:dyDescent="0.2">
      <c r="B120" s="22"/>
      <c r="C120" s="23" t="s">
        <v>127</v>
      </c>
      <c r="D120" s="24"/>
      <c r="E120" s="25"/>
      <c r="F120" s="24"/>
      <c r="G120" s="15"/>
      <c r="H120" s="24"/>
      <c r="I120" s="26"/>
    </row>
    <row r="121" spans="2:9" ht="24" customHeight="1" x14ac:dyDescent="0.2">
      <c r="B121" s="14"/>
      <c r="C121" s="57" t="s">
        <v>128</v>
      </c>
      <c r="D121" s="51" t="s">
        <v>128</v>
      </c>
      <c r="E121" s="37" t="s">
        <v>191</v>
      </c>
      <c r="F121" s="38"/>
      <c r="G121" s="100" t="s">
        <v>38</v>
      </c>
      <c r="H121" s="100" t="s">
        <v>179</v>
      </c>
      <c r="I121" s="51" t="s">
        <v>2</v>
      </c>
    </row>
    <row r="122" spans="2:9" ht="65.099999999999994" customHeight="1" x14ac:dyDescent="0.2">
      <c r="B122" s="14"/>
      <c r="C122" s="58"/>
      <c r="D122" s="52"/>
      <c r="E122" s="53" t="s">
        <v>40</v>
      </c>
      <c r="F122" s="54"/>
      <c r="G122" s="102"/>
      <c r="H122" s="102"/>
      <c r="I122" s="52"/>
    </row>
    <row r="123" spans="2:9" ht="24" customHeight="1" x14ac:dyDescent="0.2">
      <c r="B123" s="14"/>
      <c r="C123" s="49" t="s">
        <v>129</v>
      </c>
      <c r="D123" s="51" t="s">
        <v>129</v>
      </c>
      <c r="E123" s="37" t="s">
        <v>190</v>
      </c>
      <c r="F123" s="38"/>
      <c r="G123" s="100" t="s">
        <v>38</v>
      </c>
      <c r="H123" s="100" t="s">
        <v>179</v>
      </c>
      <c r="I123" s="51" t="s">
        <v>2</v>
      </c>
    </row>
    <row r="124" spans="2:9" ht="65.099999999999994" customHeight="1" x14ac:dyDescent="0.2">
      <c r="B124" s="14"/>
      <c r="C124" s="50"/>
      <c r="D124" s="52"/>
      <c r="E124" s="53" t="s">
        <v>40</v>
      </c>
      <c r="F124" s="54"/>
      <c r="G124" s="102"/>
      <c r="H124" s="102"/>
      <c r="I124" s="52"/>
    </row>
    <row r="125" spans="2:9" ht="24" customHeight="1" x14ac:dyDescent="0.2">
      <c r="B125" s="14"/>
      <c r="C125" s="60"/>
      <c r="D125" s="51" t="s">
        <v>130</v>
      </c>
      <c r="E125" s="37" t="s">
        <v>189</v>
      </c>
      <c r="F125" s="38"/>
      <c r="G125" s="100" t="s">
        <v>38</v>
      </c>
      <c r="H125" s="100" t="s">
        <v>179</v>
      </c>
      <c r="I125" s="104" t="s">
        <v>12</v>
      </c>
    </row>
    <row r="126" spans="2:9" ht="65.099999999999994" customHeight="1" x14ac:dyDescent="0.2">
      <c r="B126" s="14"/>
      <c r="C126" s="62"/>
      <c r="D126" s="52"/>
      <c r="E126" s="53" t="s">
        <v>40</v>
      </c>
      <c r="F126" s="54"/>
      <c r="G126" s="101"/>
      <c r="H126" s="101"/>
      <c r="I126" s="106"/>
    </row>
    <row r="127" spans="2:9" ht="24" customHeight="1" x14ac:dyDescent="0.2">
      <c r="B127" s="14"/>
      <c r="C127" s="49" t="s">
        <v>130</v>
      </c>
      <c r="D127" s="73"/>
      <c r="E127" s="37" t="s">
        <v>188</v>
      </c>
      <c r="F127" s="38"/>
      <c r="G127" s="101"/>
      <c r="H127" s="101"/>
      <c r="I127" s="106"/>
    </row>
    <row r="128" spans="2:9" ht="65.099999999999994" customHeight="1" x14ac:dyDescent="0.2">
      <c r="B128" s="14"/>
      <c r="C128" s="50"/>
      <c r="D128" s="74"/>
      <c r="E128" s="53" t="s">
        <v>40</v>
      </c>
      <c r="F128" s="54"/>
      <c r="G128" s="102"/>
      <c r="H128" s="102"/>
      <c r="I128" s="105"/>
    </row>
    <row r="129" spans="2:9" ht="24" customHeight="1" x14ac:dyDescent="0.2">
      <c r="B129" s="14"/>
      <c r="C129" s="60"/>
      <c r="D129" s="51" t="s">
        <v>131</v>
      </c>
      <c r="E129" s="37" t="s">
        <v>187</v>
      </c>
      <c r="F129" s="38"/>
      <c r="G129" s="100" t="s">
        <v>38</v>
      </c>
      <c r="H129" s="100" t="s">
        <v>179</v>
      </c>
      <c r="I129" s="104" t="s">
        <v>12</v>
      </c>
    </row>
    <row r="130" spans="2:9" ht="65.099999999999994" customHeight="1" x14ac:dyDescent="0.2">
      <c r="B130" s="14"/>
      <c r="C130" s="62"/>
      <c r="D130" s="52"/>
      <c r="E130" s="53" t="s">
        <v>40</v>
      </c>
      <c r="F130" s="54"/>
      <c r="G130" s="101"/>
      <c r="H130" s="101"/>
      <c r="I130" s="106"/>
    </row>
    <row r="131" spans="2:9" ht="24" customHeight="1" x14ac:dyDescent="0.2">
      <c r="B131" s="14"/>
      <c r="C131" s="49" t="s">
        <v>131</v>
      </c>
      <c r="D131" s="73"/>
      <c r="E131" s="37" t="s">
        <v>186</v>
      </c>
      <c r="F131" s="38"/>
      <c r="G131" s="101"/>
      <c r="H131" s="101"/>
      <c r="I131" s="106"/>
    </row>
    <row r="132" spans="2:9" ht="65.099999999999994" customHeight="1" x14ac:dyDescent="0.2">
      <c r="B132" s="27"/>
      <c r="C132" s="50"/>
      <c r="D132" s="74"/>
      <c r="E132" s="53" t="s">
        <v>40</v>
      </c>
      <c r="F132" s="54"/>
      <c r="G132" s="102"/>
      <c r="H132" s="102"/>
      <c r="I132" s="105"/>
    </row>
    <row r="133" spans="2:9" ht="24" customHeight="1" x14ac:dyDescent="0.2">
      <c r="B133" s="22"/>
      <c r="C133" s="23" t="s">
        <v>132</v>
      </c>
      <c r="D133" s="24"/>
      <c r="E133" s="25"/>
      <c r="F133" s="24"/>
      <c r="G133" s="15"/>
      <c r="H133" s="24"/>
      <c r="I133" s="26"/>
    </row>
    <row r="134" spans="2:9" ht="24" customHeight="1" x14ac:dyDescent="0.2">
      <c r="B134" s="14"/>
      <c r="C134" s="57" t="s">
        <v>133</v>
      </c>
      <c r="D134" s="51" t="s">
        <v>133</v>
      </c>
      <c r="E134" s="37" t="s">
        <v>185</v>
      </c>
      <c r="F134" s="38"/>
      <c r="G134" s="100" t="s">
        <v>38</v>
      </c>
      <c r="H134" s="100" t="s">
        <v>162</v>
      </c>
      <c r="I134" s="104" t="s">
        <v>8</v>
      </c>
    </row>
    <row r="135" spans="2:9" ht="65.099999999999994" customHeight="1" x14ac:dyDescent="0.2">
      <c r="B135" s="14"/>
      <c r="C135" s="58"/>
      <c r="D135" s="52"/>
      <c r="E135" s="55" t="s">
        <v>156</v>
      </c>
      <c r="F135" s="59"/>
      <c r="G135" s="102"/>
      <c r="H135" s="102"/>
      <c r="I135" s="105"/>
    </row>
    <row r="136" spans="2:9" ht="24" customHeight="1" x14ac:dyDescent="0.2">
      <c r="B136" s="14"/>
      <c r="C136" s="49" t="s">
        <v>134</v>
      </c>
      <c r="D136" s="51" t="s">
        <v>134</v>
      </c>
      <c r="E136" s="37" t="s">
        <v>184</v>
      </c>
      <c r="F136" s="38"/>
      <c r="G136" s="100" t="s">
        <v>38</v>
      </c>
      <c r="H136" s="100" t="s">
        <v>162</v>
      </c>
      <c r="I136" s="51" t="s">
        <v>8</v>
      </c>
    </row>
    <row r="137" spans="2:9" ht="65.099999999999994" customHeight="1" x14ac:dyDescent="0.2">
      <c r="B137" s="14"/>
      <c r="C137" s="50"/>
      <c r="D137" s="52"/>
      <c r="E137" s="55" t="s">
        <v>157</v>
      </c>
      <c r="F137" s="59"/>
      <c r="G137" s="102"/>
      <c r="H137" s="102"/>
      <c r="I137" s="52"/>
    </row>
    <row r="138" spans="2:9" ht="24" customHeight="1" x14ac:dyDescent="0.2">
      <c r="B138" s="14"/>
      <c r="C138" s="49" t="s">
        <v>135</v>
      </c>
      <c r="D138" s="51" t="s">
        <v>135</v>
      </c>
      <c r="E138" s="37" t="s">
        <v>183</v>
      </c>
      <c r="F138" s="38"/>
      <c r="G138" s="100" t="s">
        <v>38</v>
      </c>
      <c r="H138" s="100" t="s">
        <v>162</v>
      </c>
      <c r="I138" s="104" t="s">
        <v>4</v>
      </c>
    </row>
    <row r="139" spans="2:9" ht="65.099999999999994" customHeight="1" x14ac:dyDescent="0.2">
      <c r="B139" s="14"/>
      <c r="C139" s="50"/>
      <c r="D139" s="52"/>
      <c r="E139" s="55" t="s">
        <v>163</v>
      </c>
      <c r="F139" s="59"/>
      <c r="G139" s="102"/>
      <c r="H139" s="102"/>
      <c r="I139" s="105"/>
    </row>
    <row r="140" spans="2:9" ht="24" customHeight="1" x14ac:dyDescent="0.2">
      <c r="B140" s="14"/>
      <c r="C140" s="49" t="s">
        <v>136</v>
      </c>
      <c r="D140" s="51" t="s">
        <v>136</v>
      </c>
      <c r="E140" s="37" t="s">
        <v>182</v>
      </c>
      <c r="F140" s="38"/>
      <c r="G140" s="100" t="s">
        <v>38</v>
      </c>
      <c r="H140" s="100" t="s">
        <v>162</v>
      </c>
      <c r="I140" s="104" t="s">
        <v>11</v>
      </c>
    </row>
    <row r="141" spans="2:9" ht="65.099999999999994" customHeight="1" x14ac:dyDescent="0.2">
      <c r="B141" s="14"/>
      <c r="C141" s="50"/>
      <c r="D141" s="52"/>
      <c r="E141" s="55" t="s">
        <v>41</v>
      </c>
      <c r="F141" s="59"/>
      <c r="G141" s="102"/>
      <c r="H141" s="102"/>
      <c r="I141" s="105"/>
    </row>
    <row r="142" spans="2:9" ht="24" customHeight="1" x14ac:dyDescent="0.2">
      <c r="B142" s="22"/>
      <c r="C142" s="23" t="s">
        <v>137</v>
      </c>
      <c r="D142" s="24"/>
      <c r="E142" s="25"/>
      <c r="F142" s="24"/>
      <c r="G142" s="15"/>
      <c r="H142" s="24"/>
      <c r="I142" s="26"/>
    </row>
    <row r="143" spans="2:9" ht="24" customHeight="1" x14ac:dyDescent="0.2">
      <c r="B143" s="14"/>
      <c r="C143" s="79"/>
      <c r="D143" s="51" t="s">
        <v>138</v>
      </c>
      <c r="E143" s="37" t="s">
        <v>180</v>
      </c>
      <c r="F143" s="38"/>
      <c r="G143" s="85" t="s">
        <v>43</v>
      </c>
      <c r="H143" s="100" t="s">
        <v>160</v>
      </c>
      <c r="I143" s="71" t="s">
        <v>7</v>
      </c>
    </row>
    <row r="144" spans="2:9" ht="65.099999999999994" customHeight="1" x14ac:dyDescent="0.2">
      <c r="B144" s="14"/>
      <c r="C144" s="80"/>
      <c r="D144" s="52"/>
      <c r="E144" s="55" t="s">
        <v>42</v>
      </c>
      <c r="F144" s="59"/>
      <c r="G144" s="86"/>
      <c r="H144" s="101"/>
      <c r="I144" s="88"/>
    </row>
    <row r="145" spans="2:9" ht="24" customHeight="1" x14ac:dyDescent="0.2">
      <c r="B145" s="14"/>
      <c r="C145" s="49" t="s">
        <v>138</v>
      </c>
      <c r="D145" s="73"/>
      <c r="E145" s="37" t="s">
        <v>181</v>
      </c>
      <c r="F145" s="38"/>
      <c r="G145" s="86"/>
      <c r="H145" s="101"/>
      <c r="I145" s="88"/>
    </row>
    <row r="146" spans="2:9" ht="65.099999999999994" customHeight="1" x14ac:dyDescent="0.2">
      <c r="B146" s="14"/>
      <c r="C146" s="50"/>
      <c r="D146" s="74"/>
      <c r="E146" s="55" t="s">
        <v>42</v>
      </c>
      <c r="F146" s="59"/>
      <c r="G146" s="87"/>
      <c r="H146" s="102"/>
      <c r="I146" s="72"/>
    </row>
    <row r="147" spans="2:9" ht="24" customHeight="1" x14ac:dyDescent="0.2">
      <c r="B147" s="16" t="s">
        <v>139</v>
      </c>
      <c r="C147" s="17"/>
      <c r="D147" s="18"/>
      <c r="E147" s="19"/>
      <c r="F147" s="20"/>
      <c r="G147" s="16"/>
      <c r="H147" s="42"/>
      <c r="I147" s="21"/>
    </row>
    <row r="148" spans="2:9" ht="24" customHeight="1" x14ac:dyDescent="0.2">
      <c r="B148" s="14"/>
      <c r="C148" s="49" t="s">
        <v>140</v>
      </c>
      <c r="D148" s="51" t="s">
        <v>140</v>
      </c>
      <c r="E148" s="37" t="s">
        <v>141</v>
      </c>
      <c r="F148" s="38"/>
      <c r="G148" s="100" t="s">
        <v>30</v>
      </c>
      <c r="H148" s="98" t="s">
        <v>161</v>
      </c>
      <c r="I148" s="51" t="s">
        <v>13</v>
      </c>
    </row>
    <row r="149" spans="2:9" ht="24" customHeight="1" x14ac:dyDescent="0.2">
      <c r="B149" s="14"/>
      <c r="C149" s="77"/>
      <c r="D149" s="78"/>
      <c r="E149" s="37" t="s">
        <v>228</v>
      </c>
      <c r="F149" s="38"/>
      <c r="G149" s="101"/>
      <c r="H149" s="103"/>
      <c r="I149" s="78"/>
    </row>
    <row r="150" spans="2:9" ht="65.099999999999994" customHeight="1" x14ac:dyDescent="0.2">
      <c r="B150" s="14"/>
      <c r="C150" s="77"/>
      <c r="D150" s="78"/>
      <c r="E150" s="55" t="s">
        <v>60</v>
      </c>
      <c r="F150" s="59"/>
      <c r="G150" s="101"/>
      <c r="H150" s="103"/>
      <c r="I150" s="78"/>
    </row>
    <row r="151" spans="2:9" ht="24" customHeight="1" x14ac:dyDescent="0.2">
      <c r="B151" s="14"/>
      <c r="C151" s="77"/>
      <c r="D151" s="78"/>
      <c r="E151" s="37" t="s">
        <v>229</v>
      </c>
      <c r="F151" s="38"/>
      <c r="G151" s="101"/>
      <c r="H151" s="103"/>
      <c r="I151" s="78"/>
    </row>
    <row r="152" spans="2:9" ht="65.099999999999994" customHeight="1" x14ac:dyDescent="0.2">
      <c r="B152" s="14"/>
      <c r="C152" s="50"/>
      <c r="D152" s="52"/>
      <c r="E152" s="55" t="s">
        <v>61</v>
      </c>
      <c r="F152" s="59"/>
      <c r="G152" s="102"/>
      <c r="H152" s="99"/>
      <c r="I152" s="52"/>
    </row>
    <row r="153" spans="2:9" ht="24" customHeight="1" x14ac:dyDescent="0.2">
      <c r="B153" s="14"/>
      <c r="C153" s="49" t="s">
        <v>142</v>
      </c>
      <c r="D153" s="51" t="s">
        <v>142</v>
      </c>
      <c r="E153" s="37" t="s">
        <v>159</v>
      </c>
      <c r="F153" s="38"/>
      <c r="G153" s="100" t="s">
        <v>30</v>
      </c>
      <c r="H153" s="98" t="s">
        <v>161</v>
      </c>
      <c r="I153" s="51" t="s">
        <v>13</v>
      </c>
    </row>
    <row r="154" spans="2:9" ht="65.099999999999994" customHeight="1" x14ac:dyDescent="0.2">
      <c r="B154" s="14"/>
      <c r="C154" s="50"/>
      <c r="D154" s="52"/>
      <c r="E154" s="55" t="s">
        <v>62</v>
      </c>
      <c r="F154" s="59"/>
      <c r="G154" s="102"/>
      <c r="H154" s="99"/>
      <c r="I154" s="52"/>
    </row>
    <row r="155" spans="2:9" ht="24" customHeight="1" x14ac:dyDescent="0.2">
      <c r="B155" s="14"/>
      <c r="C155" s="60"/>
      <c r="D155" s="51" t="s">
        <v>143</v>
      </c>
      <c r="E155" s="37" t="s">
        <v>144</v>
      </c>
      <c r="F155" s="38"/>
      <c r="G155" s="100" t="s">
        <v>36</v>
      </c>
      <c r="H155" s="100" t="s">
        <v>164</v>
      </c>
      <c r="I155" s="51" t="s">
        <v>10</v>
      </c>
    </row>
    <row r="156" spans="2:9" ht="65.099999999999994" customHeight="1" x14ac:dyDescent="0.2">
      <c r="B156" s="14"/>
      <c r="C156" s="62"/>
      <c r="D156" s="52"/>
      <c r="E156" s="53" t="s">
        <v>34</v>
      </c>
      <c r="F156" s="54"/>
      <c r="G156" s="101"/>
      <c r="H156" s="101"/>
      <c r="I156" s="78"/>
    </row>
    <row r="157" spans="2:9" ht="24" customHeight="1" x14ac:dyDescent="0.2">
      <c r="B157" s="14"/>
      <c r="C157" s="49" t="s">
        <v>143</v>
      </c>
      <c r="D157" s="73"/>
      <c r="E157" s="37" t="s">
        <v>145</v>
      </c>
      <c r="F157" s="38"/>
      <c r="G157" s="101"/>
      <c r="H157" s="101"/>
      <c r="I157" s="78"/>
    </row>
    <row r="158" spans="2:9" ht="65.099999999999994" customHeight="1" x14ac:dyDescent="0.2">
      <c r="B158" s="14"/>
      <c r="C158" s="50"/>
      <c r="D158" s="74"/>
      <c r="E158" s="53" t="s">
        <v>34</v>
      </c>
      <c r="F158" s="54"/>
      <c r="G158" s="102"/>
      <c r="H158" s="102"/>
      <c r="I158" s="52"/>
    </row>
    <row r="159" spans="2:9" ht="24" customHeight="1" x14ac:dyDescent="0.2">
      <c r="B159" s="14"/>
      <c r="C159" s="60"/>
      <c r="D159" s="51" t="s">
        <v>146</v>
      </c>
      <c r="E159" s="37" t="s">
        <v>147</v>
      </c>
      <c r="F159" s="38"/>
      <c r="G159" s="85" t="s">
        <v>43</v>
      </c>
      <c r="H159" s="100" t="s">
        <v>160</v>
      </c>
      <c r="I159" s="51" t="s">
        <v>7</v>
      </c>
    </row>
    <row r="160" spans="2:9" ht="65.099999999999994" customHeight="1" x14ac:dyDescent="0.2">
      <c r="B160" s="14"/>
      <c r="C160" s="62"/>
      <c r="D160" s="52"/>
      <c r="E160" s="55" t="s">
        <v>42</v>
      </c>
      <c r="F160" s="59"/>
      <c r="G160" s="86"/>
      <c r="H160" s="101"/>
      <c r="I160" s="78"/>
    </row>
    <row r="161" spans="2:9" ht="24" customHeight="1" x14ac:dyDescent="0.2">
      <c r="B161" s="14"/>
      <c r="C161" s="49" t="s">
        <v>146</v>
      </c>
      <c r="D161" s="73"/>
      <c r="E161" s="37" t="s">
        <v>148</v>
      </c>
      <c r="F161" s="38"/>
      <c r="G161" s="86"/>
      <c r="H161" s="101"/>
      <c r="I161" s="78"/>
    </row>
    <row r="162" spans="2:9" ht="65.099999999999994" customHeight="1" x14ac:dyDescent="0.2">
      <c r="B162" s="27"/>
      <c r="C162" s="50"/>
      <c r="D162" s="74"/>
      <c r="E162" s="55" t="s">
        <v>42</v>
      </c>
      <c r="F162" s="59"/>
      <c r="G162" s="87"/>
      <c r="H162" s="102"/>
      <c r="I162" s="52"/>
    </row>
  </sheetData>
  <mergeCells count="399">
    <mergeCell ref="B2:I2"/>
    <mergeCell ref="I55:I56"/>
    <mergeCell ref="H55:H56"/>
    <mergeCell ref="G55:G56"/>
    <mergeCell ref="I64:I65"/>
    <mergeCell ref="H64:H65"/>
    <mergeCell ref="G64:G65"/>
    <mergeCell ref="I62:I63"/>
    <mergeCell ref="H62:H63"/>
    <mergeCell ref="G62:G63"/>
    <mergeCell ref="I60:I61"/>
    <mergeCell ref="H60:H61"/>
    <mergeCell ref="G60:G61"/>
    <mergeCell ref="I58:I59"/>
    <mergeCell ref="H58:H59"/>
    <mergeCell ref="G58:G59"/>
    <mergeCell ref="I46:I47"/>
    <mergeCell ref="H46:H47"/>
    <mergeCell ref="G46:G47"/>
    <mergeCell ref="I44:I45"/>
    <mergeCell ref="H44:H45"/>
    <mergeCell ref="G44:G45"/>
    <mergeCell ref="I53:I54"/>
    <mergeCell ref="H53:H54"/>
    <mergeCell ref="G53:G54"/>
    <mergeCell ref="I51:I52"/>
    <mergeCell ref="H51:H52"/>
    <mergeCell ref="G51:G52"/>
    <mergeCell ref="I48:I49"/>
    <mergeCell ref="I42:I43"/>
    <mergeCell ref="H42:H43"/>
    <mergeCell ref="G42:G43"/>
    <mergeCell ref="I40:I41"/>
    <mergeCell ref="H40:H41"/>
    <mergeCell ref="G40:G41"/>
    <mergeCell ref="I38:I39"/>
    <mergeCell ref="H38:H39"/>
    <mergeCell ref="G38:G39"/>
    <mergeCell ref="I30:I31"/>
    <mergeCell ref="H30:H31"/>
    <mergeCell ref="G30:G31"/>
    <mergeCell ref="I36:I37"/>
    <mergeCell ref="H36:H37"/>
    <mergeCell ref="G36:G37"/>
    <mergeCell ref="I34:I35"/>
    <mergeCell ref="H34:H35"/>
    <mergeCell ref="G34:G35"/>
    <mergeCell ref="I32:I33"/>
    <mergeCell ref="H32:H33"/>
    <mergeCell ref="G32:G33"/>
    <mergeCell ref="I24:I25"/>
    <mergeCell ref="H24:H25"/>
    <mergeCell ref="G24:G25"/>
    <mergeCell ref="I26:I27"/>
    <mergeCell ref="H26:H27"/>
    <mergeCell ref="G26:G27"/>
    <mergeCell ref="I28:I29"/>
    <mergeCell ref="H28:H29"/>
    <mergeCell ref="G28:G29"/>
    <mergeCell ref="I69:I70"/>
    <mergeCell ref="H69:H70"/>
    <mergeCell ref="G69:G70"/>
    <mergeCell ref="G66:G67"/>
    <mergeCell ref="H66:H67"/>
    <mergeCell ref="I66:I67"/>
    <mergeCell ref="I10:I11"/>
    <mergeCell ref="H10:H11"/>
    <mergeCell ref="G10:G11"/>
    <mergeCell ref="I14:I15"/>
    <mergeCell ref="H14:H15"/>
    <mergeCell ref="G14:G15"/>
    <mergeCell ref="I16:I17"/>
    <mergeCell ref="H16:H17"/>
    <mergeCell ref="G16:G17"/>
    <mergeCell ref="G18:G19"/>
    <mergeCell ref="H18:H19"/>
    <mergeCell ref="I18:I19"/>
    <mergeCell ref="I20:I21"/>
    <mergeCell ref="H20:H21"/>
    <mergeCell ref="G20:G21"/>
    <mergeCell ref="I22:I23"/>
    <mergeCell ref="H22:H23"/>
    <mergeCell ref="G22:G23"/>
    <mergeCell ref="I77:I78"/>
    <mergeCell ref="H77:H78"/>
    <mergeCell ref="G77:G78"/>
    <mergeCell ref="I75:I76"/>
    <mergeCell ref="H75:H76"/>
    <mergeCell ref="G75:G76"/>
    <mergeCell ref="I71:I72"/>
    <mergeCell ref="H71:H72"/>
    <mergeCell ref="G71:G72"/>
    <mergeCell ref="I73:I74"/>
    <mergeCell ref="H73:H74"/>
    <mergeCell ref="G73:G74"/>
    <mergeCell ref="I83:I84"/>
    <mergeCell ref="H83:H84"/>
    <mergeCell ref="G83:G84"/>
    <mergeCell ref="I81:I82"/>
    <mergeCell ref="H81:H82"/>
    <mergeCell ref="G81:G82"/>
    <mergeCell ref="I79:I80"/>
    <mergeCell ref="H79:H80"/>
    <mergeCell ref="G79:G80"/>
    <mergeCell ref="I85:I86"/>
    <mergeCell ref="H85:H86"/>
    <mergeCell ref="G85:G86"/>
    <mergeCell ref="I87:I90"/>
    <mergeCell ref="H87:H90"/>
    <mergeCell ref="G87:G90"/>
    <mergeCell ref="G96:G99"/>
    <mergeCell ref="I96:I99"/>
    <mergeCell ref="H96:H99"/>
    <mergeCell ref="I93:I94"/>
    <mergeCell ref="H93:H94"/>
    <mergeCell ref="G93:G94"/>
    <mergeCell ref="I91:I92"/>
    <mergeCell ref="H91:H92"/>
    <mergeCell ref="G91:G92"/>
    <mergeCell ref="I108:I109"/>
    <mergeCell ref="H108:H109"/>
    <mergeCell ref="G108:G109"/>
    <mergeCell ref="I106:I107"/>
    <mergeCell ref="H106:H107"/>
    <mergeCell ref="G106:G107"/>
    <mergeCell ref="I102:I103"/>
    <mergeCell ref="H102:H103"/>
    <mergeCell ref="G102:G103"/>
    <mergeCell ref="G104:G105"/>
    <mergeCell ref="H104:H105"/>
    <mergeCell ref="I104:I105"/>
    <mergeCell ref="I115:I116"/>
    <mergeCell ref="H115:H116"/>
    <mergeCell ref="G115:G116"/>
    <mergeCell ref="I113:I114"/>
    <mergeCell ref="H113:H114"/>
    <mergeCell ref="G113:G114"/>
    <mergeCell ref="I111:I112"/>
    <mergeCell ref="H111:H112"/>
    <mergeCell ref="G111:G112"/>
    <mergeCell ref="I123:I124"/>
    <mergeCell ref="H123:H124"/>
    <mergeCell ref="G123:G124"/>
    <mergeCell ref="G121:G122"/>
    <mergeCell ref="I121:I122"/>
    <mergeCell ref="H121:H122"/>
    <mergeCell ref="I118:I119"/>
    <mergeCell ref="H118:H119"/>
    <mergeCell ref="G118:G119"/>
    <mergeCell ref="I134:I135"/>
    <mergeCell ref="H134:H135"/>
    <mergeCell ref="G134:G135"/>
    <mergeCell ref="I129:I132"/>
    <mergeCell ref="H129:H132"/>
    <mergeCell ref="G129:G132"/>
    <mergeCell ref="I125:I128"/>
    <mergeCell ref="H125:H128"/>
    <mergeCell ref="G125:G128"/>
    <mergeCell ref="H143:H146"/>
    <mergeCell ref="I140:I141"/>
    <mergeCell ref="H140:H141"/>
    <mergeCell ref="G140:G141"/>
    <mergeCell ref="I138:I139"/>
    <mergeCell ref="H138:H139"/>
    <mergeCell ref="G138:G139"/>
    <mergeCell ref="I136:I137"/>
    <mergeCell ref="H136:H137"/>
    <mergeCell ref="G136:G137"/>
    <mergeCell ref="I153:I154"/>
    <mergeCell ref="H153:H154"/>
    <mergeCell ref="G148:G152"/>
    <mergeCell ref="H148:H152"/>
    <mergeCell ref="I148:I152"/>
    <mergeCell ref="G159:G162"/>
    <mergeCell ref="H159:H162"/>
    <mergeCell ref="I159:I162"/>
    <mergeCell ref="G155:G158"/>
    <mergeCell ref="H155:H158"/>
    <mergeCell ref="I155:I158"/>
    <mergeCell ref="G153:G154"/>
    <mergeCell ref="D134:D135"/>
    <mergeCell ref="C134:C135"/>
    <mergeCell ref="E135:F135"/>
    <mergeCell ref="D131:D132"/>
    <mergeCell ref="C131:C132"/>
    <mergeCell ref="E132:F132"/>
    <mergeCell ref="D125:D126"/>
    <mergeCell ref="B3:B4"/>
    <mergeCell ref="C3:C4"/>
    <mergeCell ref="D3:D4"/>
    <mergeCell ref="C121:C122"/>
    <mergeCell ref="D121:D122"/>
    <mergeCell ref="E122:F122"/>
    <mergeCell ref="C118:C119"/>
    <mergeCell ref="D118:D119"/>
    <mergeCell ref="E119:F119"/>
    <mergeCell ref="C106:C107"/>
    <mergeCell ref="D106:D107"/>
    <mergeCell ref="E107:F107"/>
    <mergeCell ref="D104:D105"/>
    <mergeCell ref="C104:C105"/>
    <mergeCell ref="E105:F105"/>
    <mergeCell ref="D111:D112"/>
    <mergeCell ref="C111:C112"/>
    <mergeCell ref="G3:H3"/>
    <mergeCell ref="C140:C141"/>
    <mergeCell ref="D140:D141"/>
    <mergeCell ref="D138:D139"/>
    <mergeCell ref="C138:C139"/>
    <mergeCell ref="E139:F139"/>
    <mergeCell ref="C136:C137"/>
    <mergeCell ref="D136:D137"/>
    <mergeCell ref="E137:F137"/>
    <mergeCell ref="G6:G7"/>
    <mergeCell ref="H6:H7"/>
    <mergeCell ref="G8:G9"/>
    <mergeCell ref="H8:H9"/>
    <mergeCell ref="C129:C130"/>
    <mergeCell ref="E130:F130"/>
    <mergeCell ref="C127:C128"/>
    <mergeCell ref="D127:D128"/>
    <mergeCell ref="E128:F128"/>
    <mergeCell ref="C115:C116"/>
    <mergeCell ref="D115:D116"/>
    <mergeCell ref="E116:F116"/>
    <mergeCell ref="D113:D114"/>
    <mergeCell ref="C113:C114"/>
    <mergeCell ref="E114:F114"/>
    <mergeCell ref="I3:I4"/>
    <mergeCell ref="C148:C152"/>
    <mergeCell ref="D148:D152"/>
    <mergeCell ref="D143:D144"/>
    <mergeCell ref="C143:C144"/>
    <mergeCell ref="E144:F144"/>
    <mergeCell ref="C145:C146"/>
    <mergeCell ref="D145:D146"/>
    <mergeCell ref="E146:F146"/>
    <mergeCell ref="E141:F141"/>
    <mergeCell ref="I6:I7"/>
    <mergeCell ref="I8:I9"/>
    <mergeCell ref="E150:F150"/>
    <mergeCell ref="E152:F152"/>
    <mergeCell ref="H48:H49"/>
    <mergeCell ref="G48:G49"/>
    <mergeCell ref="C125:C126"/>
    <mergeCell ref="E126:F126"/>
    <mergeCell ref="D123:D124"/>
    <mergeCell ref="C123:C124"/>
    <mergeCell ref="E124:F124"/>
    <mergeCell ref="D129:D130"/>
    <mergeCell ref="G143:G146"/>
    <mergeCell ref="I143:I146"/>
    <mergeCell ref="D161:D162"/>
    <mergeCell ref="C161:C162"/>
    <mergeCell ref="E154:F154"/>
    <mergeCell ref="E156:F156"/>
    <mergeCell ref="E158:F158"/>
    <mergeCell ref="E160:F160"/>
    <mergeCell ref="E162:F162"/>
    <mergeCell ref="D157:D158"/>
    <mergeCell ref="C157:C158"/>
    <mergeCell ref="D159:D160"/>
    <mergeCell ref="C159:C160"/>
    <mergeCell ref="C153:C154"/>
    <mergeCell ref="D153:D154"/>
    <mergeCell ref="D155:D156"/>
    <mergeCell ref="C155:C156"/>
    <mergeCell ref="E112:F112"/>
    <mergeCell ref="D108:D109"/>
    <mergeCell ref="C108:C109"/>
    <mergeCell ref="E109:F109"/>
    <mergeCell ref="D102:D103"/>
    <mergeCell ref="C102:C103"/>
    <mergeCell ref="E103:F103"/>
    <mergeCell ref="C98:C99"/>
    <mergeCell ref="D98:D99"/>
    <mergeCell ref="E99:F99"/>
    <mergeCell ref="C81:C82"/>
    <mergeCell ref="D81:D82"/>
    <mergeCell ref="E82:F82"/>
    <mergeCell ref="D96:D97"/>
    <mergeCell ref="C96:C97"/>
    <mergeCell ref="E97:F97"/>
    <mergeCell ref="D93:D94"/>
    <mergeCell ref="E94:F94"/>
    <mergeCell ref="C85:C94"/>
    <mergeCell ref="D87:D88"/>
    <mergeCell ref="E88:F88"/>
    <mergeCell ref="D85:D86"/>
    <mergeCell ref="E86:F86"/>
    <mergeCell ref="D91:D92"/>
    <mergeCell ref="E92:F92"/>
    <mergeCell ref="D89:D90"/>
    <mergeCell ref="E90:F90"/>
    <mergeCell ref="C83:C84"/>
    <mergeCell ref="D83:D84"/>
    <mergeCell ref="E84:F84"/>
    <mergeCell ref="C75:C76"/>
    <mergeCell ref="D75:D76"/>
    <mergeCell ref="E76:F76"/>
    <mergeCell ref="D73:D74"/>
    <mergeCell ref="C73:C74"/>
    <mergeCell ref="E74:F74"/>
    <mergeCell ref="D79:D80"/>
    <mergeCell ref="C79:C80"/>
    <mergeCell ref="E80:F80"/>
    <mergeCell ref="C77:C78"/>
    <mergeCell ref="D77:D78"/>
    <mergeCell ref="E78:F78"/>
    <mergeCell ref="C66:C67"/>
    <mergeCell ref="D66:D67"/>
    <mergeCell ref="E67:F67"/>
    <mergeCell ref="C64:C65"/>
    <mergeCell ref="D64:D65"/>
    <mergeCell ref="E65:F65"/>
    <mergeCell ref="D71:D72"/>
    <mergeCell ref="C71:C72"/>
    <mergeCell ref="E72:F72"/>
    <mergeCell ref="C69:C70"/>
    <mergeCell ref="D69:D70"/>
    <mergeCell ref="E70:F70"/>
    <mergeCell ref="C58:C59"/>
    <mergeCell ref="D58:D59"/>
    <mergeCell ref="E59:F59"/>
    <mergeCell ref="C55:C56"/>
    <mergeCell ref="D55:D56"/>
    <mergeCell ref="E56:F56"/>
    <mergeCell ref="C62:C63"/>
    <mergeCell ref="D62:D63"/>
    <mergeCell ref="E63:F63"/>
    <mergeCell ref="C60:C61"/>
    <mergeCell ref="D60:D61"/>
    <mergeCell ref="E61:F61"/>
    <mergeCell ref="C48:C49"/>
    <mergeCell ref="D48:D49"/>
    <mergeCell ref="E49:F49"/>
    <mergeCell ref="C46:C47"/>
    <mergeCell ref="D46:D47"/>
    <mergeCell ref="E47:F47"/>
    <mergeCell ref="C53:C54"/>
    <mergeCell ref="D53:D54"/>
    <mergeCell ref="E54:F54"/>
    <mergeCell ref="D51:D52"/>
    <mergeCell ref="C51:C52"/>
    <mergeCell ref="E52:F52"/>
    <mergeCell ref="C40:C41"/>
    <mergeCell ref="D40:D41"/>
    <mergeCell ref="E41:F41"/>
    <mergeCell ref="C38:C39"/>
    <mergeCell ref="D38:D39"/>
    <mergeCell ref="E39:F39"/>
    <mergeCell ref="C44:C45"/>
    <mergeCell ref="D44:D45"/>
    <mergeCell ref="E45:F45"/>
    <mergeCell ref="C42:C43"/>
    <mergeCell ref="D42:D43"/>
    <mergeCell ref="E43:F43"/>
    <mergeCell ref="C26:C37"/>
    <mergeCell ref="C24:C25"/>
    <mergeCell ref="D24:D25"/>
    <mergeCell ref="E25:F25"/>
    <mergeCell ref="D28:D29"/>
    <mergeCell ref="E29:F29"/>
    <mergeCell ref="D26:D27"/>
    <mergeCell ref="E27:F27"/>
    <mergeCell ref="D32:D33"/>
    <mergeCell ref="E33:F33"/>
    <mergeCell ref="D30:D31"/>
    <mergeCell ref="E31:F31"/>
    <mergeCell ref="D36:D37"/>
    <mergeCell ref="E37:F37"/>
    <mergeCell ref="D34:D35"/>
    <mergeCell ref="E35:F35"/>
    <mergeCell ref="C18:C19"/>
    <mergeCell ref="D18:D19"/>
    <mergeCell ref="E19:F19"/>
    <mergeCell ref="C16:C17"/>
    <mergeCell ref="D16:D17"/>
    <mergeCell ref="E17:F17"/>
    <mergeCell ref="C22:C23"/>
    <mergeCell ref="D22:D23"/>
    <mergeCell ref="E23:F23"/>
    <mergeCell ref="C20:C21"/>
    <mergeCell ref="D20:D21"/>
    <mergeCell ref="E21:F21"/>
    <mergeCell ref="E3:F3"/>
    <mergeCell ref="E4:F4"/>
    <mergeCell ref="C8:C9"/>
    <mergeCell ref="D8:D9"/>
    <mergeCell ref="E9:F9"/>
    <mergeCell ref="C6:C7"/>
    <mergeCell ref="D6:D7"/>
    <mergeCell ref="E7:F7"/>
    <mergeCell ref="C14:C15"/>
    <mergeCell ref="D14:D15"/>
    <mergeCell ref="E15:F15"/>
    <mergeCell ref="C10:C11"/>
    <mergeCell ref="D10:D11"/>
    <mergeCell ref="E11:F11"/>
  </mergeCells>
  <phoneticPr fontId="3"/>
  <pageMargins left="0.23622047244094491" right="0.23622047244094491" top="0" bottom="0" header="0" footer="0.31496062992125984"/>
  <pageSetup paperSize="8" scale="79" fitToHeight="0" orientation="portrait" r:id="rId1"/>
  <rowBreaks count="5" manualBreakCount="5">
    <brk id="25" max="16383" man="1"/>
    <brk id="49" max="16383" man="1"/>
    <brk id="67" max="16383" man="1"/>
    <brk id="99" max="16383" man="1"/>
    <brk id="132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国確報集計資料 </vt:lpstr>
      <vt:lpstr>'国確報集計資料 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4-03-05T07:35:29Z</cp:lastPrinted>
  <dcterms:created xsi:type="dcterms:W3CDTF">2023-10-02T01:40:15Z</dcterms:created>
  <dcterms:modified xsi:type="dcterms:W3CDTF">2024-03-07T00:15:22Z</dcterms:modified>
</cp:coreProperties>
</file>